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5"/>
  </p:notesMasterIdLst>
  <p:handoutMasterIdLst>
    <p:handoutMasterId r:id="rId6"/>
  </p:handoutMasterIdLst>
  <p:sldIdLst>
    <p:sldId id="285" r:id="rId2"/>
    <p:sldId id="289" r:id="rId3"/>
    <p:sldId id="290" r:id="rId4"/>
  </p:sldIdLst>
  <p:sldSz cx="9144000" cy="6858000" type="screen4x3"/>
  <p:notesSz cx="6807200" cy="9939338"/>
  <p:custDataLst>
    <p:tags r:id="rId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84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CCFF"/>
    <a:srgbClr val="FF00FF"/>
    <a:srgbClr val="0000E1"/>
    <a:srgbClr val="D26114"/>
    <a:srgbClr val="7030A0"/>
    <a:srgbClr val="FBE5D6"/>
    <a:srgbClr val="003CB4"/>
    <a:srgbClr val="CCFFCC"/>
    <a:srgbClr val="154E7D"/>
    <a:srgbClr val="C5E0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84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handoutMaster" Target="handoutMasters/handoutMaster1.xml"/><Relationship Id="rId11" Type="http://schemas.openxmlformats.org/officeDocument/2006/relationships/tableStyles" Target="tableStyles.xml"/><Relationship Id="rId5" Type="http://schemas.openxmlformats.org/officeDocument/2006/relationships/notesMaster" Target="notesMasters/notesMaster1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6740890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92657160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0628540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矩形 28">
            <a:extLst>
              <a:ext uri="{FF2B5EF4-FFF2-40B4-BE49-F238E27FC236}">
                <a16:creationId xmlns:a16="http://schemas.microsoft.com/office/drawing/2014/main" id="{9B85A4E4-1312-4370-99C3-F1F55D83EACF}"/>
              </a:ext>
            </a:extLst>
          </p:cNvPr>
          <p:cNvSpPr/>
          <p:nvPr/>
        </p:nvSpPr>
        <p:spPr>
          <a:xfrm>
            <a:off x="1341312" y="4728364"/>
            <a:ext cx="5920548" cy="44832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A04262BF-D7DE-435D-B8D4-838119673FFB}"/>
              </a:ext>
            </a:extLst>
          </p:cNvPr>
          <p:cNvSpPr txBox="1"/>
          <p:nvPr/>
        </p:nvSpPr>
        <p:spPr>
          <a:xfrm>
            <a:off x="522514" y="4237277"/>
            <a:ext cx="83127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ea typeface="DFKai-SB" panose="03000509000000000000" pitchFamily="65" charset="-120"/>
              </a:rPr>
              <a:t>在以上三角形中加劃線，把它分割成兩個三角形，使得其中一個三角形的面積是另一個的</a:t>
            </a:r>
            <a:r>
              <a:rPr lang="en-US" altLang="zh-CN" sz="2800" dirty="0"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ea typeface="DFKai-SB" panose="03000509000000000000" pitchFamily="65" charset="-120"/>
              </a:rPr>
              <a:t>倍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373866" y="1359748"/>
            <a:ext cx="3383280" cy="2413011"/>
          </a:xfrm>
          <a:prstGeom prst="rect">
            <a:avLst/>
          </a:prstGeom>
        </p:spPr>
      </p:pic>
      <p:sp>
        <p:nvSpPr>
          <p:cNvPr id="4" name="文本框 3">
            <a:extLst>
              <a:ext uri="{FF2B5EF4-FFF2-40B4-BE49-F238E27FC236}">
                <a16:creationId xmlns:a16="http://schemas.microsoft.com/office/drawing/2014/main" id="{395E0817-2610-4E0D-823E-EA57E138F895}"/>
              </a:ext>
            </a:extLst>
          </p:cNvPr>
          <p:cNvSpPr txBox="1"/>
          <p:nvPr/>
        </p:nvSpPr>
        <p:spPr>
          <a:xfrm>
            <a:off x="522514" y="1244765"/>
            <a:ext cx="117733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7.</a:t>
            </a: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1228707" y="3296497"/>
            <a:ext cx="66865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在格線上，優先考慮作為分割成的三角形的底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7" name="图片 6"/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5884" y="1159738"/>
            <a:ext cx="731520" cy="711108"/>
          </a:xfrm>
          <a:prstGeom prst="rect">
            <a:avLst/>
          </a:prstGeom>
        </p:spPr>
      </p:pic>
      <p:sp>
        <p:nvSpPr>
          <p:cNvPr id="8" name="任意多边形 7"/>
          <p:cNvSpPr/>
          <p:nvPr/>
        </p:nvSpPr>
        <p:spPr>
          <a:xfrm>
            <a:off x="3119438" y="3262313"/>
            <a:ext cx="1881187" cy="4762"/>
          </a:xfrm>
          <a:custGeom>
            <a:avLst/>
            <a:gdLst>
              <a:gd name="connsiteX0" fmla="*/ 0 w 1881187"/>
              <a:gd name="connsiteY0" fmla="*/ 4762 h 4762"/>
              <a:gd name="connsiteX1" fmla="*/ 1881187 w 1881187"/>
              <a:gd name="connsiteY1" fmla="*/ 0 h 476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881187" h="4762">
                <a:moveTo>
                  <a:pt x="0" y="4762"/>
                </a:moveTo>
                <a:lnTo>
                  <a:pt x="1881187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1299081" y="3630707"/>
            <a:ext cx="634746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和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高相同時，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底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倍，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則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面積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倍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椭圆 9"/>
          <p:cNvSpPr/>
          <p:nvPr/>
        </p:nvSpPr>
        <p:spPr>
          <a:xfrm>
            <a:off x="4480560" y="1780312"/>
            <a:ext cx="91440" cy="91440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文本框 10"/>
          <p:cNvSpPr txBox="1"/>
          <p:nvPr/>
        </p:nvSpPr>
        <p:spPr>
          <a:xfrm>
            <a:off x="4099029" y="1535802"/>
            <a:ext cx="44605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E1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P</a:t>
            </a:r>
            <a:endParaRPr lang="en-US" altLang="zh-CN" sz="2400" dirty="0">
              <a:solidFill>
                <a:srgbClr val="0000E1"/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5598604" y="1159738"/>
            <a:ext cx="34912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三角形面積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底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高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  <a:sym typeface="Symbol" panose="05050102010706020507" pitchFamily="18" charset="2"/>
              </a:rPr>
              <a:t>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  <a:sym typeface="Symbol" panose="05050102010706020507" pitchFamily="18" charset="2"/>
              </a:rPr>
              <a:t>2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5626273" y="1643412"/>
            <a:ext cx="3421525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若兩個三角形</a:t>
            </a:r>
            <a:r>
              <a:rPr lang="zh-TW" altLang="en-US" sz="2400" dirty="0">
                <a:solidFill>
                  <a:srgbClr val="00B050"/>
                </a:solidFill>
                <a:ea typeface="DFKai-SB" panose="03000509000000000000" pitchFamily="65" charset="-120"/>
              </a:rPr>
              <a:t>高相同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則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00B050"/>
                </a:solidFill>
                <a:ea typeface="DFKai-SB" panose="03000509000000000000" pitchFamily="65" charset="-120"/>
              </a:rPr>
              <a:t>只須考慮底的關係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若兩個三角形</a:t>
            </a:r>
            <a:r>
              <a:rPr lang="zh-TW" altLang="en-US" sz="2400" dirty="0">
                <a:solidFill>
                  <a:srgbClr val="00B0F0"/>
                </a:solidFill>
                <a:ea typeface="DFKai-SB" panose="03000509000000000000" pitchFamily="65" charset="-120"/>
              </a:rPr>
              <a:t>底相同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則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00B0F0"/>
                </a:solidFill>
                <a:ea typeface="DFKai-SB" panose="03000509000000000000" pitchFamily="65" charset="-120"/>
              </a:rPr>
              <a:t>只須考慮高的關係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729795" y="740633"/>
            <a:ext cx="78981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從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P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點出發向所對的邊畫線，所得的兩個三角形的高相等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任意多边形 15"/>
          <p:cNvSpPr/>
          <p:nvPr/>
        </p:nvSpPr>
        <p:spPr>
          <a:xfrm>
            <a:off x="4526280" y="1851660"/>
            <a:ext cx="0" cy="1417320"/>
          </a:xfrm>
          <a:custGeom>
            <a:avLst/>
            <a:gdLst>
              <a:gd name="connsiteX0" fmla="*/ 0 w 0"/>
              <a:gd name="connsiteY0" fmla="*/ 0 h 1440180"/>
              <a:gd name="connsiteX1" fmla="*/ 0 w 0"/>
              <a:gd name="connsiteY1" fmla="*/ 1440180 h 144018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440180">
                <a:moveTo>
                  <a:pt x="0" y="0"/>
                </a:moveTo>
                <a:lnTo>
                  <a:pt x="0" y="1440180"/>
                </a:lnTo>
              </a:path>
            </a:pathLst>
          </a:cu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311A89A1-B9FB-4449-8267-02787ED95845}"/>
              </a:ext>
            </a:extLst>
          </p:cNvPr>
          <p:cNvSpPr txBox="1"/>
          <p:nvPr/>
        </p:nvSpPr>
        <p:spPr>
          <a:xfrm>
            <a:off x="3714618" y="5099664"/>
            <a:ext cx="40850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其他正確答案也可接受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36700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3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45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3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10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1000"/>
                                        <p:tgtEl>
                                          <p:spTgt spid="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5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30" grpId="0" build="allAtOnce"/>
      <p:bldP spid="8" grpId="0" animBg="1"/>
      <p:bldP spid="35" grpId="0" uiExpand="1" build="allAtOnce"/>
      <p:bldP spid="10" grpId="0" animBg="1"/>
      <p:bldP spid="10" grpId="1" animBg="1"/>
      <p:bldP spid="11" grpId="0"/>
      <p:bldP spid="11" grpId="1"/>
      <p:bldP spid="36" grpId="0" build="allAtOnce"/>
      <p:bldP spid="37" grpId="0" uiExpand="1" build="allAtOnce"/>
      <p:bldP spid="39" grpId="0" build="allAtOnce"/>
      <p:bldP spid="16" grpId="0" animBg="1"/>
      <p:bldP spid="4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任意多边形: 形状 24">
            <a:extLst>
              <a:ext uri="{FF2B5EF4-FFF2-40B4-BE49-F238E27FC236}">
                <a16:creationId xmlns:a16="http://schemas.microsoft.com/office/drawing/2014/main" id="{B92A1BCD-327D-4E19-9888-691C334EB1C7}"/>
              </a:ext>
            </a:extLst>
          </p:cNvPr>
          <p:cNvSpPr/>
          <p:nvPr/>
        </p:nvSpPr>
        <p:spPr>
          <a:xfrm>
            <a:off x="4027705" y="1086930"/>
            <a:ext cx="1588092" cy="2595067"/>
          </a:xfrm>
          <a:custGeom>
            <a:avLst/>
            <a:gdLst>
              <a:gd name="connsiteX0" fmla="*/ 0 w 1595887"/>
              <a:gd name="connsiteY0" fmla="*/ 1302589 h 2622431"/>
              <a:gd name="connsiteX1" fmla="*/ 0 w 1595887"/>
              <a:gd name="connsiteY1" fmla="*/ 2622431 h 2622431"/>
              <a:gd name="connsiteX2" fmla="*/ 1595887 w 1595887"/>
              <a:gd name="connsiteY2" fmla="*/ 2613804 h 2622431"/>
              <a:gd name="connsiteX3" fmla="*/ 1595887 w 1595887"/>
              <a:gd name="connsiteY3" fmla="*/ 0 h 2622431"/>
              <a:gd name="connsiteX4" fmla="*/ 0 w 1595887"/>
              <a:gd name="connsiteY4" fmla="*/ 1302589 h 2622431"/>
              <a:gd name="connsiteX0" fmla="*/ 0 w 1595887"/>
              <a:gd name="connsiteY0" fmla="*/ 1302589 h 2622503"/>
              <a:gd name="connsiteX1" fmla="*/ 0 w 1595887"/>
              <a:gd name="connsiteY1" fmla="*/ 2622431 h 2622503"/>
              <a:gd name="connsiteX2" fmla="*/ 1595887 w 1595887"/>
              <a:gd name="connsiteY2" fmla="*/ 2622503 h 2622503"/>
              <a:gd name="connsiteX3" fmla="*/ 1595887 w 1595887"/>
              <a:gd name="connsiteY3" fmla="*/ 0 h 2622503"/>
              <a:gd name="connsiteX4" fmla="*/ 0 w 1595887"/>
              <a:gd name="connsiteY4" fmla="*/ 1302589 h 2622503"/>
              <a:gd name="connsiteX0" fmla="*/ 8626 w 1595887"/>
              <a:gd name="connsiteY0" fmla="*/ 1328682 h 2622503"/>
              <a:gd name="connsiteX1" fmla="*/ 0 w 1595887"/>
              <a:gd name="connsiteY1" fmla="*/ 2622431 h 2622503"/>
              <a:gd name="connsiteX2" fmla="*/ 1595887 w 1595887"/>
              <a:gd name="connsiteY2" fmla="*/ 2622503 h 2622503"/>
              <a:gd name="connsiteX3" fmla="*/ 1595887 w 1595887"/>
              <a:gd name="connsiteY3" fmla="*/ 0 h 2622503"/>
              <a:gd name="connsiteX4" fmla="*/ 8626 w 1595887"/>
              <a:gd name="connsiteY4" fmla="*/ 1328682 h 2622503"/>
              <a:gd name="connsiteX0" fmla="*/ 8626 w 1621767"/>
              <a:gd name="connsiteY0" fmla="*/ 1302588 h 2596409"/>
              <a:gd name="connsiteX1" fmla="*/ 0 w 1621767"/>
              <a:gd name="connsiteY1" fmla="*/ 2596337 h 2596409"/>
              <a:gd name="connsiteX2" fmla="*/ 1595887 w 1621767"/>
              <a:gd name="connsiteY2" fmla="*/ 2596409 h 2596409"/>
              <a:gd name="connsiteX3" fmla="*/ 1621767 w 1621767"/>
              <a:gd name="connsiteY3" fmla="*/ 0 h 2596409"/>
              <a:gd name="connsiteX4" fmla="*/ 8626 w 1621767"/>
              <a:gd name="connsiteY4" fmla="*/ 1302588 h 2596409"/>
              <a:gd name="connsiteX0" fmla="*/ 8626 w 1604514"/>
              <a:gd name="connsiteY0" fmla="*/ 1302588 h 2596409"/>
              <a:gd name="connsiteX1" fmla="*/ 0 w 1604514"/>
              <a:gd name="connsiteY1" fmla="*/ 2596337 h 2596409"/>
              <a:gd name="connsiteX2" fmla="*/ 1595887 w 1604514"/>
              <a:gd name="connsiteY2" fmla="*/ 2596409 h 2596409"/>
              <a:gd name="connsiteX3" fmla="*/ 1604514 w 1604514"/>
              <a:gd name="connsiteY3" fmla="*/ 0 h 2596409"/>
              <a:gd name="connsiteX4" fmla="*/ 8626 w 1604514"/>
              <a:gd name="connsiteY4" fmla="*/ 1302588 h 2596409"/>
              <a:gd name="connsiteX0" fmla="*/ 17252 w 1604514"/>
              <a:gd name="connsiteY0" fmla="*/ 1302588 h 2596409"/>
              <a:gd name="connsiteX1" fmla="*/ 0 w 1604514"/>
              <a:gd name="connsiteY1" fmla="*/ 2596337 h 2596409"/>
              <a:gd name="connsiteX2" fmla="*/ 1595887 w 1604514"/>
              <a:gd name="connsiteY2" fmla="*/ 2596409 h 2596409"/>
              <a:gd name="connsiteX3" fmla="*/ 1604514 w 1604514"/>
              <a:gd name="connsiteY3" fmla="*/ 0 h 2596409"/>
              <a:gd name="connsiteX4" fmla="*/ 17252 w 1604514"/>
              <a:gd name="connsiteY4" fmla="*/ 1302588 h 2596409"/>
              <a:gd name="connsiteX0" fmla="*/ 830 w 1588092"/>
              <a:gd name="connsiteY0" fmla="*/ 1302588 h 2596409"/>
              <a:gd name="connsiteX1" fmla="*/ 831 w 1588092"/>
              <a:gd name="connsiteY1" fmla="*/ 2596337 h 2596409"/>
              <a:gd name="connsiteX2" fmla="*/ 1579465 w 1588092"/>
              <a:gd name="connsiteY2" fmla="*/ 2596409 h 2596409"/>
              <a:gd name="connsiteX3" fmla="*/ 1588092 w 1588092"/>
              <a:gd name="connsiteY3" fmla="*/ 0 h 2596409"/>
              <a:gd name="connsiteX4" fmla="*/ 830 w 1588092"/>
              <a:gd name="connsiteY4" fmla="*/ 1302588 h 25964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588092" h="2596409">
                <a:moveTo>
                  <a:pt x="830" y="1302588"/>
                </a:moveTo>
                <a:cubicBezTo>
                  <a:pt x="-2045" y="1733838"/>
                  <a:pt x="3706" y="2165087"/>
                  <a:pt x="831" y="2596337"/>
                </a:cubicBezTo>
                <a:lnTo>
                  <a:pt x="1579465" y="2596409"/>
                </a:lnTo>
                <a:cubicBezTo>
                  <a:pt x="1582341" y="1730939"/>
                  <a:pt x="1585216" y="865470"/>
                  <a:pt x="1588092" y="0"/>
                </a:cubicBezTo>
                <a:lnTo>
                  <a:pt x="830" y="1302588"/>
                </a:lnTo>
                <a:close/>
              </a:path>
            </a:pathLst>
          </a:custGeom>
          <a:solidFill>
            <a:srgbClr val="92D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395E0817-2610-4E0D-823E-EA57E138F895}"/>
              </a:ext>
            </a:extLst>
          </p:cNvPr>
          <p:cNvSpPr txBox="1"/>
          <p:nvPr/>
        </p:nvSpPr>
        <p:spPr>
          <a:xfrm>
            <a:off x="429524" y="825320"/>
            <a:ext cx="117733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9.</a:t>
            </a: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9668A658-7FC1-4C3A-B449-582826E515FD}"/>
              </a:ext>
            </a:extLst>
          </p:cNvPr>
          <p:cNvSpPr txBox="1"/>
          <p:nvPr/>
        </p:nvSpPr>
        <p:spPr>
          <a:xfrm>
            <a:off x="1018190" y="5580012"/>
            <a:ext cx="333142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兩個梯形的面積相差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(8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＋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6) × (16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6)÷2</a:t>
            </a:r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96267AF0-95F2-4241-877B-CDBC74195310}"/>
              </a:ext>
            </a:extLst>
          </p:cNvPr>
          <p:cNvSpPr/>
          <p:nvPr/>
        </p:nvSpPr>
        <p:spPr>
          <a:xfrm>
            <a:off x="3030375" y="1069675"/>
            <a:ext cx="2587924" cy="2625400"/>
          </a:xfrm>
          <a:prstGeom prst="rect">
            <a:avLst/>
          </a:prstGeom>
          <a:noFill/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任意多边形: 形状 9">
            <a:extLst>
              <a:ext uri="{FF2B5EF4-FFF2-40B4-BE49-F238E27FC236}">
                <a16:creationId xmlns:a16="http://schemas.microsoft.com/office/drawing/2014/main" id="{99FD4A85-B7F3-4D2B-A297-8F6A39EEB76D}"/>
              </a:ext>
            </a:extLst>
          </p:cNvPr>
          <p:cNvSpPr/>
          <p:nvPr/>
        </p:nvSpPr>
        <p:spPr>
          <a:xfrm>
            <a:off x="3021748" y="2380891"/>
            <a:ext cx="992038" cy="1302588"/>
          </a:xfrm>
          <a:custGeom>
            <a:avLst/>
            <a:gdLst>
              <a:gd name="connsiteX0" fmla="*/ 0 w 992038"/>
              <a:gd name="connsiteY0" fmla="*/ 8626 h 1302588"/>
              <a:gd name="connsiteX1" fmla="*/ 992038 w 992038"/>
              <a:gd name="connsiteY1" fmla="*/ 0 h 1302588"/>
              <a:gd name="connsiteX2" fmla="*/ 992038 w 992038"/>
              <a:gd name="connsiteY2" fmla="*/ 1302588 h 1302588"/>
              <a:gd name="connsiteX0" fmla="*/ 0 w 992038"/>
              <a:gd name="connsiteY0" fmla="*/ 17252 h 1302588"/>
              <a:gd name="connsiteX1" fmla="*/ 992038 w 992038"/>
              <a:gd name="connsiteY1" fmla="*/ 0 h 1302588"/>
              <a:gd name="connsiteX2" fmla="*/ 992038 w 992038"/>
              <a:gd name="connsiteY2" fmla="*/ 1302588 h 1302588"/>
              <a:gd name="connsiteX0" fmla="*/ 0 w 1009291"/>
              <a:gd name="connsiteY0" fmla="*/ 8626 h 1302588"/>
              <a:gd name="connsiteX1" fmla="*/ 1009291 w 1009291"/>
              <a:gd name="connsiteY1" fmla="*/ 0 h 1302588"/>
              <a:gd name="connsiteX2" fmla="*/ 1009291 w 1009291"/>
              <a:gd name="connsiteY2" fmla="*/ 1302588 h 1302588"/>
              <a:gd name="connsiteX0" fmla="*/ 0 w 992038"/>
              <a:gd name="connsiteY0" fmla="*/ 8626 h 1302588"/>
              <a:gd name="connsiteX1" fmla="*/ 992038 w 992038"/>
              <a:gd name="connsiteY1" fmla="*/ 0 h 1302588"/>
              <a:gd name="connsiteX2" fmla="*/ 992038 w 992038"/>
              <a:gd name="connsiteY2" fmla="*/ 1302588 h 13025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92038" h="1302588">
                <a:moveTo>
                  <a:pt x="0" y="8626"/>
                </a:moveTo>
                <a:lnTo>
                  <a:pt x="992038" y="0"/>
                </a:lnTo>
                <a:lnTo>
                  <a:pt x="992038" y="1302588"/>
                </a:lnTo>
              </a:path>
            </a:pathLst>
          </a:custGeom>
          <a:noFill/>
          <a:ln w="19050">
            <a:solidFill>
              <a:schemeClr val="tx1">
                <a:lumMod val="95000"/>
                <a:lumOff val="5000"/>
              </a:schemeClr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任意多边形: 形状 10">
            <a:extLst>
              <a:ext uri="{FF2B5EF4-FFF2-40B4-BE49-F238E27FC236}">
                <a16:creationId xmlns:a16="http://schemas.microsoft.com/office/drawing/2014/main" id="{E79F7481-2944-4727-8B25-592640A918D4}"/>
              </a:ext>
            </a:extLst>
          </p:cNvPr>
          <p:cNvSpPr/>
          <p:nvPr/>
        </p:nvSpPr>
        <p:spPr>
          <a:xfrm>
            <a:off x="3832625" y="2380891"/>
            <a:ext cx="180000" cy="180000"/>
          </a:xfrm>
          <a:custGeom>
            <a:avLst/>
            <a:gdLst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36431"/>
              <a:gd name="connsiteY0" fmla="*/ 0 h 345056"/>
              <a:gd name="connsiteX1" fmla="*/ 1 w 336431"/>
              <a:gd name="connsiteY1" fmla="*/ 345056 h 345056"/>
              <a:gd name="connsiteX2" fmla="*/ 336431 w 336431"/>
              <a:gd name="connsiteY2" fmla="*/ 345056 h 34505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36431" h="345056">
                <a:moveTo>
                  <a:pt x="0" y="0"/>
                </a:moveTo>
                <a:cubicBezTo>
                  <a:pt x="0" y="115019"/>
                  <a:pt x="1" y="230037"/>
                  <a:pt x="1" y="345056"/>
                </a:cubicBezTo>
                <a:lnTo>
                  <a:pt x="336431" y="345056"/>
                </a:lnTo>
              </a:path>
            </a:pathLst>
          </a:custGeom>
          <a:noFill/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16" name="直接连接符 15">
            <a:extLst>
              <a:ext uri="{FF2B5EF4-FFF2-40B4-BE49-F238E27FC236}">
                <a16:creationId xmlns:a16="http://schemas.microsoft.com/office/drawing/2014/main" id="{C8D0A1C3-0C48-4AE0-84C1-9D4F6A284A87}"/>
              </a:ext>
            </a:extLst>
          </p:cNvPr>
          <p:cNvCxnSpPr>
            <a:cxnSpLocks/>
            <a:stCxn id="10" idx="1"/>
          </p:cNvCxnSpPr>
          <p:nvPr/>
        </p:nvCxnSpPr>
        <p:spPr>
          <a:xfrm flipV="1">
            <a:off x="4013786" y="1069675"/>
            <a:ext cx="1604513" cy="1311216"/>
          </a:xfrm>
          <a:prstGeom prst="line">
            <a:avLst/>
          </a:prstGeom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8" name="组合 42">
            <a:extLst>
              <a:ext uri="{FF2B5EF4-FFF2-40B4-BE49-F238E27FC236}">
                <a16:creationId xmlns:a16="http://schemas.microsoft.com/office/drawing/2014/main" id="{F513860B-CB8C-45F4-9FCB-A77A5B152BF5}"/>
              </a:ext>
            </a:extLst>
          </p:cNvPr>
          <p:cNvGrpSpPr>
            <a:grpSpLocks/>
          </p:cNvGrpSpPr>
          <p:nvPr/>
        </p:nvGrpSpPr>
        <p:grpSpPr bwMode="auto">
          <a:xfrm>
            <a:off x="2848849" y="2385424"/>
            <a:ext cx="216000" cy="1308775"/>
            <a:chOff x="8146616" y="3082696"/>
            <a:chExt cx="116952" cy="416705"/>
          </a:xfrm>
        </p:grpSpPr>
        <p:cxnSp>
          <p:nvCxnSpPr>
            <p:cNvPr id="39" name="直接连接符 22">
              <a:extLst>
                <a:ext uri="{FF2B5EF4-FFF2-40B4-BE49-F238E27FC236}">
                  <a16:creationId xmlns:a16="http://schemas.microsoft.com/office/drawing/2014/main" id="{3DB2F8FB-5257-4033-B7F9-ACAD310BA92B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16200000">
              <a:off x="8208785" y="3443478"/>
              <a:ext cx="0" cy="109567"/>
            </a:xfrm>
            <a:prstGeom prst="line">
              <a:avLst/>
            </a:prstGeom>
            <a:noFill/>
            <a:ln w="9525" algn="ctr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  <p:cxnSp>
          <p:nvCxnSpPr>
            <p:cNvPr id="40" name="直接连接符 22">
              <a:extLst>
                <a:ext uri="{FF2B5EF4-FFF2-40B4-BE49-F238E27FC236}">
                  <a16:creationId xmlns:a16="http://schemas.microsoft.com/office/drawing/2014/main" id="{39B72F6F-95A1-4A44-BBDA-B717A3670DF9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16200000">
              <a:off x="8201400" y="3027912"/>
              <a:ext cx="0" cy="109567"/>
            </a:xfrm>
            <a:prstGeom prst="line">
              <a:avLst/>
            </a:prstGeom>
            <a:noFill/>
            <a:ln w="9525" algn="ctr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  <p:cxnSp>
          <p:nvCxnSpPr>
            <p:cNvPr id="41" name="直接箭头连接符 32">
              <a:extLst>
                <a:ext uri="{FF2B5EF4-FFF2-40B4-BE49-F238E27FC236}">
                  <a16:creationId xmlns:a16="http://schemas.microsoft.com/office/drawing/2014/main" id="{218E07AF-A706-410B-8A57-2F6876370F90}"/>
                </a:ext>
              </a:extLst>
            </p:cNvPr>
            <p:cNvCxnSpPr>
              <a:cxnSpLocks/>
            </p:cNvCxnSpPr>
            <p:nvPr/>
          </p:nvCxnSpPr>
          <p:spPr bwMode="auto">
            <a:xfrm flipH="1" flipV="1">
              <a:off x="8203035" y="3085401"/>
              <a:ext cx="1" cy="414000"/>
            </a:xfrm>
            <a:prstGeom prst="straightConnector1">
              <a:avLst/>
            </a:prstGeom>
            <a:noFill/>
            <a:ln w="9525" algn="ctr">
              <a:solidFill>
                <a:schemeClr val="tx1"/>
              </a:solidFill>
              <a:round/>
              <a:headEnd type="triangle" w="med" len="med"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</p:grpSp>
      <p:sp>
        <p:nvSpPr>
          <p:cNvPr id="42" name="Text Box 50">
            <a:extLst>
              <a:ext uri="{FF2B5EF4-FFF2-40B4-BE49-F238E27FC236}">
                <a16:creationId xmlns:a16="http://schemas.microsoft.com/office/drawing/2014/main" id="{6393E46D-A1C2-4536-AABC-F8A71DA37C9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96930" y="2850977"/>
            <a:ext cx="83405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/>
              <a:t>8cm</a:t>
            </a:r>
          </a:p>
        </p:txBody>
      </p: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70C59C29-0493-4AF4-B71E-E27C8DC76318}"/>
              </a:ext>
            </a:extLst>
          </p:cNvPr>
          <p:cNvGrpSpPr>
            <a:grpSpLocks/>
          </p:cNvGrpSpPr>
          <p:nvPr/>
        </p:nvGrpSpPr>
        <p:grpSpPr bwMode="auto">
          <a:xfrm rot="16200000">
            <a:off x="3370347" y="3315237"/>
            <a:ext cx="297341" cy="977290"/>
            <a:chOff x="8146616" y="3078000"/>
            <a:chExt cx="116952" cy="416721"/>
          </a:xfrm>
        </p:grpSpPr>
        <p:cxnSp>
          <p:nvCxnSpPr>
            <p:cNvPr id="44" name="直接连接符 22">
              <a:extLst>
                <a:ext uri="{FF2B5EF4-FFF2-40B4-BE49-F238E27FC236}">
                  <a16:creationId xmlns:a16="http://schemas.microsoft.com/office/drawing/2014/main" id="{32D93226-9558-4B1C-A40F-1FA489B26583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16200000">
              <a:off x="8208785" y="3439937"/>
              <a:ext cx="0" cy="109567"/>
            </a:xfrm>
            <a:prstGeom prst="line">
              <a:avLst/>
            </a:prstGeom>
            <a:noFill/>
            <a:ln w="9525" algn="ctr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  <p:cxnSp>
          <p:nvCxnSpPr>
            <p:cNvPr id="45" name="直接连接符 22">
              <a:extLst>
                <a:ext uri="{FF2B5EF4-FFF2-40B4-BE49-F238E27FC236}">
                  <a16:creationId xmlns:a16="http://schemas.microsoft.com/office/drawing/2014/main" id="{55FD7760-F2EE-4A60-996F-4F63ECB8400D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-5400000">
              <a:off x="8201400" y="3023216"/>
              <a:ext cx="0" cy="109567"/>
            </a:xfrm>
            <a:prstGeom prst="line">
              <a:avLst/>
            </a:prstGeom>
            <a:noFill/>
            <a:ln w="9525" algn="ctr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  <p:cxnSp>
          <p:nvCxnSpPr>
            <p:cNvPr id="46" name="直接箭头连接符 32">
              <a:extLst>
                <a:ext uri="{FF2B5EF4-FFF2-40B4-BE49-F238E27FC236}">
                  <a16:creationId xmlns:a16="http://schemas.microsoft.com/office/drawing/2014/main" id="{3F30CEA3-89F4-4504-BDC0-7394567B916F}"/>
                </a:ext>
              </a:extLst>
            </p:cNvPr>
            <p:cNvCxnSpPr>
              <a:cxnSpLocks/>
            </p:cNvCxnSpPr>
            <p:nvPr/>
          </p:nvCxnSpPr>
          <p:spPr bwMode="auto">
            <a:xfrm flipH="1" flipV="1">
              <a:off x="8203035" y="3078000"/>
              <a:ext cx="1" cy="414000"/>
            </a:xfrm>
            <a:prstGeom prst="straightConnector1">
              <a:avLst/>
            </a:prstGeom>
            <a:noFill/>
            <a:ln w="9525" algn="ctr">
              <a:solidFill>
                <a:schemeClr val="tx1"/>
              </a:solidFill>
              <a:round/>
              <a:headEnd type="triangle" w="med" len="med"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000000"/>
                    </a:outerShdw>
                  </a:effectLst>
                </a14:hiddenEffects>
              </a:ext>
            </a:extLst>
          </p:spPr>
        </p:cxnSp>
      </p:grpSp>
      <p:sp>
        <p:nvSpPr>
          <p:cNvPr id="47" name="Text Box 50">
            <a:extLst>
              <a:ext uri="{FF2B5EF4-FFF2-40B4-BE49-F238E27FC236}">
                <a16:creationId xmlns:a16="http://schemas.microsoft.com/office/drawing/2014/main" id="{CABC1A48-F790-4801-B57C-3701A575E0B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88543" y="3756147"/>
            <a:ext cx="83405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/>
              <a:t>6cm</a:t>
            </a:r>
          </a:p>
        </p:txBody>
      </p:sp>
      <p:sp>
        <p:nvSpPr>
          <p:cNvPr id="48" name="Text Box 50">
            <a:extLst>
              <a:ext uri="{FF2B5EF4-FFF2-40B4-BE49-F238E27FC236}">
                <a16:creationId xmlns:a16="http://schemas.microsoft.com/office/drawing/2014/main" id="{BD617F7B-5AF4-4755-88A1-535AB351D9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43364" y="2312967"/>
            <a:ext cx="96301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/>
              <a:t>16cm</a:t>
            </a:r>
          </a:p>
        </p:txBody>
      </p:sp>
      <p:sp>
        <p:nvSpPr>
          <p:cNvPr id="49" name="任意多边形: 形状 48">
            <a:extLst>
              <a:ext uri="{FF2B5EF4-FFF2-40B4-BE49-F238E27FC236}">
                <a16:creationId xmlns:a16="http://schemas.microsoft.com/office/drawing/2014/main" id="{95507BFC-AB63-4337-80DE-0F089FE6C957}"/>
              </a:ext>
            </a:extLst>
          </p:cNvPr>
          <p:cNvSpPr/>
          <p:nvPr/>
        </p:nvSpPr>
        <p:spPr>
          <a:xfrm>
            <a:off x="4014039" y="3701600"/>
            <a:ext cx="1604250" cy="141936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50" name="Text Box 50">
            <a:extLst>
              <a:ext uri="{FF2B5EF4-FFF2-40B4-BE49-F238E27FC236}">
                <a16:creationId xmlns:a16="http://schemas.microsoft.com/office/drawing/2014/main" id="{56B726FE-E188-4AD9-AA92-1554454132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27856" y="3757859"/>
            <a:ext cx="210736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>
              <a:spcBef>
                <a:spcPct val="50000"/>
              </a:spcBef>
            </a:pP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(16</a:t>
            </a: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6) </a:t>
            </a:r>
            <a:r>
              <a:rPr lang="en-US" altLang="zh-TW" sz="2400" dirty="0">
                <a:solidFill>
                  <a:srgbClr val="0000E1"/>
                </a:solidFill>
              </a:rPr>
              <a:t>cm</a:t>
            </a:r>
          </a:p>
        </p:txBody>
      </p:sp>
      <p:sp>
        <p:nvSpPr>
          <p:cNvPr id="51" name="Text Box 50">
            <a:extLst>
              <a:ext uri="{FF2B5EF4-FFF2-40B4-BE49-F238E27FC236}">
                <a16:creationId xmlns:a16="http://schemas.microsoft.com/office/drawing/2014/main" id="{C9A4D079-7EC9-418E-A16C-D313999AE80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62360" y="695403"/>
            <a:ext cx="96301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0000E1"/>
                </a:solidFill>
              </a:rPr>
              <a:t>16cm</a:t>
            </a:r>
          </a:p>
        </p:txBody>
      </p:sp>
      <p:sp>
        <p:nvSpPr>
          <p:cNvPr id="52" name="任意多边形: 形状 51">
            <a:extLst>
              <a:ext uri="{FF2B5EF4-FFF2-40B4-BE49-F238E27FC236}">
                <a16:creationId xmlns:a16="http://schemas.microsoft.com/office/drawing/2014/main" id="{13C0857B-C788-430B-BC26-817ABC99DBD4}"/>
              </a:ext>
            </a:extLst>
          </p:cNvPr>
          <p:cNvSpPr/>
          <p:nvPr/>
        </p:nvSpPr>
        <p:spPr>
          <a:xfrm rot="5400000">
            <a:off x="2276270" y="1643182"/>
            <a:ext cx="1318985" cy="171970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53" name="Text Box 50">
            <a:extLst>
              <a:ext uri="{FF2B5EF4-FFF2-40B4-BE49-F238E27FC236}">
                <a16:creationId xmlns:a16="http://schemas.microsoft.com/office/drawing/2014/main" id="{F48663EA-0113-42AE-AFBC-174475FCED8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08414" y="1500922"/>
            <a:ext cx="17207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>
              <a:spcBef>
                <a:spcPct val="50000"/>
              </a:spcBef>
            </a:pP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(16</a:t>
            </a: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8)</a:t>
            </a:r>
            <a:r>
              <a:rPr lang="en-US" altLang="zh-TW" sz="2400" dirty="0">
                <a:solidFill>
                  <a:srgbClr val="0000E1"/>
                </a:solidFill>
              </a:rPr>
              <a:t>cm</a:t>
            </a:r>
          </a:p>
        </p:txBody>
      </p:sp>
      <p:sp>
        <p:nvSpPr>
          <p:cNvPr id="54" name="Text Box 50">
            <a:extLst>
              <a:ext uri="{FF2B5EF4-FFF2-40B4-BE49-F238E27FC236}">
                <a16:creationId xmlns:a16="http://schemas.microsoft.com/office/drawing/2014/main" id="{66E49D8B-257B-43B1-94B0-0D5701F384B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33104" y="2312966"/>
            <a:ext cx="83405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0000E1"/>
                </a:solidFill>
              </a:rPr>
              <a:t>6cm</a:t>
            </a:r>
          </a:p>
        </p:txBody>
      </p:sp>
      <p:sp>
        <p:nvSpPr>
          <p:cNvPr id="55" name="Text Box 50">
            <a:extLst>
              <a:ext uri="{FF2B5EF4-FFF2-40B4-BE49-F238E27FC236}">
                <a16:creationId xmlns:a16="http://schemas.microsoft.com/office/drawing/2014/main" id="{B8B0B645-76D0-4D92-8320-5FB305EE236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48427" y="2871919"/>
            <a:ext cx="83405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400" dirty="0">
                <a:solidFill>
                  <a:srgbClr val="0000E1"/>
                </a:solidFill>
              </a:rPr>
              <a:t>8cm</a:t>
            </a:r>
          </a:p>
        </p:txBody>
      </p:sp>
      <p:sp>
        <p:nvSpPr>
          <p:cNvPr id="56" name="任意多边形: 形状 55">
            <a:extLst>
              <a:ext uri="{FF2B5EF4-FFF2-40B4-BE49-F238E27FC236}">
                <a16:creationId xmlns:a16="http://schemas.microsoft.com/office/drawing/2014/main" id="{DBB7638E-3CF8-4FEB-975F-4A18B630AB73}"/>
              </a:ext>
            </a:extLst>
          </p:cNvPr>
          <p:cNvSpPr/>
          <p:nvPr/>
        </p:nvSpPr>
        <p:spPr>
          <a:xfrm flipV="1">
            <a:off x="5401980" y="3483303"/>
            <a:ext cx="216000" cy="216000"/>
          </a:xfrm>
          <a:custGeom>
            <a:avLst/>
            <a:gdLst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36431"/>
              <a:gd name="connsiteY0" fmla="*/ 0 h 345056"/>
              <a:gd name="connsiteX1" fmla="*/ 1 w 336431"/>
              <a:gd name="connsiteY1" fmla="*/ 345056 h 345056"/>
              <a:gd name="connsiteX2" fmla="*/ 336431 w 336431"/>
              <a:gd name="connsiteY2" fmla="*/ 345056 h 34505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36431" h="345056">
                <a:moveTo>
                  <a:pt x="0" y="0"/>
                </a:moveTo>
                <a:cubicBezTo>
                  <a:pt x="0" y="115019"/>
                  <a:pt x="1" y="230037"/>
                  <a:pt x="1" y="345056"/>
                </a:cubicBezTo>
                <a:lnTo>
                  <a:pt x="336431" y="345056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任意多边形: 形状 56">
            <a:extLst>
              <a:ext uri="{FF2B5EF4-FFF2-40B4-BE49-F238E27FC236}">
                <a16:creationId xmlns:a16="http://schemas.microsoft.com/office/drawing/2014/main" id="{DC18A7D1-D2AF-4B92-8A66-E9CE71A82EEF}"/>
              </a:ext>
            </a:extLst>
          </p:cNvPr>
          <p:cNvSpPr/>
          <p:nvPr/>
        </p:nvSpPr>
        <p:spPr>
          <a:xfrm flipH="1">
            <a:off x="3032412" y="1075610"/>
            <a:ext cx="216000" cy="216000"/>
          </a:xfrm>
          <a:custGeom>
            <a:avLst/>
            <a:gdLst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45057"/>
              <a:gd name="connsiteY0" fmla="*/ 0 h 345056"/>
              <a:gd name="connsiteX1" fmla="*/ 8627 w 345057"/>
              <a:gd name="connsiteY1" fmla="*/ 345056 h 345056"/>
              <a:gd name="connsiteX2" fmla="*/ 345057 w 345057"/>
              <a:gd name="connsiteY2" fmla="*/ 345056 h 345056"/>
              <a:gd name="connsiteX0" fmla="*/ 0 w 336431"/>
              <a:gd name="connsiteY0" fmla="*/ 0 h 345056"/>
              <a:gd name="connsiteX1" fmla="*/ 1 w 336431"/>
              <a:gd name="connsiteY1" fmla="*/ 345056 h 345056"/>
              <a:gd name="connsiteX2" fmla="*/ 336431 w 336431"/>
              <a:gd name="connsiteY2" fmla="*/ 345056 h 34505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36431" h="345056">
                <a:moveTo>
                  <a:pt x="0" y="0"/>
                </a:moveTo>
                <a:cubicBezTo>
                  <a:pt x="0" y="115019"/>
                  <a:pt x="1" y="230037"/>
                  <a:pt x="1" y="345056"/>
                </a:cubicBezTo>
                <a:lnTo>
                  <a:pt x="336431" y="345056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9" name="矩形 58">
            <a:extLst>
              <a:ext uri="{FF2B5EF4-FFF2-40B4-BE49-F238E27FC236}">
                <a16:creationId xmlns:a16="http://schemas.microsoft.com/office/drawing/2014/main" id="{54055DEF-0281-4D5D-B63B-E2AB5EDE6049}"/>
              </a:ext>
            </a:extLst>
          </p:cNvPr>
          <p:cNvSpPr/>
          <p:nvPr/>
        </p:nvSpPr>
        <p:spPr>
          <a:xfrm>
            <a:off x="5869724" y="4696116"/>
            <a:ext cx="2851955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18E48C9D-7CB7-4FEA-BE6C-1767AB671E1E}"/>
              </a:ext>
            </a:extLst>
          </p:cNvPr>
          <p:cNvSpPr/>
          <p:nvPr/>
        </p:nvSpPr>
        <p:spPr>
          <a:xfrm>
            <a:off x="1208414" y="5125022"/>
            <a:ext cx="309667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任意多边形: 形状 22">
            <a:extLst>
              <a:ext uri="{FF2B5EF4-FFF2-40B4-BE49-F238E27FC236}">
                <a16:creationId xmlns:a16="http://schemas.microsoft.com/office/drawing/2014/main" id="{8E8663A4-68CF-4646-BC98-FA1BD0DCC6D0}"/>
              </a:ext>
            </a:extLst>
          </p:cNvPr>
          <p:cNvSpPr/>
          <p:nvPr/>
        </p:nvSpPr>
        <p:spPr>
          <a:xfrm>
            <a:off x="3038166" y="1078301"/>
            <a:ext cx="2543124" cy="1303890"/>
          </a:xfrm>
          <a:custGeom>
            <a:avLst/>
            <a:gdLst>
              <a:gd name="connsiteX0" fmla="*/ 8627 w 2596551"/>
              <a:gd name="connsiteY0" fmla="*/ 1337094 h 1337094"/>
              <a:gd name="connsiteX1" fmla="*/ 992038 w 2596551"/>
              <a:gd name="connsiteY1" fmla="*/ 1319841 h 1337094"/>
              <a:gd name="connsiteX2" fmla="*/ 2596551 w 2596551"/>
              <a:gd name="connsiteY2" fmla="*/ 17252 h 1337094"/>
              <a:gd name="connsiteX3" fmla="*/ 0 w 2596551"/>
              <a:gd name="connsiteY3" fmla="*/ 0 h 1337094"/>
              <a:gd name="connsiteX4" fmla="*/ 8627 w 2596551"/>
              <a:gd name="connsiteY4" fmla="*/ 1337094 h 1337094"/>
              <a:gd name="connsiteX0" fmla="*/ 8627 w 2553007"/>
              <a:gd name="connsiteY0" fmla="*/ 1337094 h 1337094"/>
              <a:gd name="connsiteX1" fmla="*/ 992038 w 2553007"/>
              <a:gd name="connsiteY1" fmla="*/ 1319841 h 1337094"/>
              <a:gd name="connsiteX2" fmla="*/ 2553007 w 2553007"/>
              <a:gd name="connsiteY2" fmla="*/ 8209 h 1337094"/>
              <a:gd name="connsiteX3" fmla="*/ 0 w 2553007"/>
              <a:gd name="connsiteY3" fmla="*/ 0 h 1337094"/>
              <a:gd name="connsiteX4" fmla="*/ 8627 w 2553007"/>
              <a:gd name="connsiteY4" fmla="*/ 1337094 h 1337094"/>
              <a:gd name="connsiteX0" fmla="*/ 830 w 2545210"/>
              <a:gd name="connsiteY0" fmla="*/ 1337094 h 1337094"/>
              <a:gd name="connsiteX1" fmla="*/ 984241 w 2545210"/>
              <a:gd name="connsiteY1" fmla="*/ 1319841 h 1337094"/>
              <a:gd name="connsiteX2" fmla="*/ 2545210 w 2545210"/>
              <a:gd name="connsiteY2" fmla="*/ 8209 h 1337094"/>
              <a:gd name="connsiteX3" fmla="*/ 836 w 2545210"/>
              <a:gd name="connsiteY3" fmla="*/ 0 h 1337094"/>
              <a:gd name="connsiteX4" fmla="*/ 830 w 2545210"/>
              <a:gd name="connsiteY4" fmla="*/ 1337094 h 13370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545210" h="1337094">
                <a:moveTo>
                  <a:pt x="830" y="1337094"/>
                </a:moveTo>
                <a:lnTo>
                  <a:pt x="984241" y="1319841"/>
                </a:lnTo>
                <a:lnTo>
                  <a:pt x="2545210" y="8209"/>
                </a:lnTo>
                <a:lnTo>
                  <a:pt x="836" y="0"/>
                </a:lnTo>
                <a:cubicBezTo>
                  <a:pt x="3712" y="448573"/>
                  <a:pt x="-2046" y="897147"/>
                  <a:pt x="830" y="1337094"/>
                </a:cubicBezTo>
                <a:close/>
              </a:path>
            </a:pathLst>
          </a:cu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63" name="直接连接符 62">
            <a:extLst>
              <a:ext uri="{FF2B5EF4-FFF2-40B4-BE49-F238E27FC236}">
                <a16:creationId xmlns:a16="http://schemas.microsoft.com/office/drawing/2014/main" id="{3E40891A-E5AD-42F8-8523-7F7278508B64}"/>
              </a:ext>
            </a:extLst>
          </p:cNvPr>
          <p:cNvCxnSpPr>
            <a:cxnSpLocks/>
          </p:cNvCxnSpPr>
          <p:nvPr/>
        </p:nvCxnSpPr>
        <p:spPr>
          <a:xfrm>
            <a:off x="3021748" y="2380911"/>
            <a:ext cx="0" cy="1310643"/>
          </a:xfrm>
          <a:prstGeom prst="line">
            <a:avLst/>
          </a:prstGeom>
          <a:ln w="28575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5" name="直接连接符 64">
            <a:extLst>
              <a:ext uri="{FF2B5EF4-FFF2-40B4-BE49-F238E27FC236}">
                <a16:creationId xmlns:a16="http://schemas.microsoft.com/office/drawing/2014/main" id="{A349DD1D-97E2-400E-BF69-8A62D5EFCE4F}"/>
              </a:ext>
            </a:extLst>
          </p:cNvPr>
          <p:cNvCxnSpPr>
            <a:cxnSpLocks/>
          </p:cNvCxnSpPr>
          <p:nvPr/>
        </p:nvCxnSpPr>
        <p:spPr>
          <a:xfrm>
            <a:off x="3013694" y="3687361"/>
            <a:ext cx="987590" cy="0"/>
          </a:xfrm>
          <a:prstGeom prst="line">
            <a:avLst/>
          </a:prstGeom>
          <a:ln w="28575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1" name="文本框 70">
            <a:extLst>
              <a:ext uri="{FF2B5EF4-FFF2-40B4-BE49-F238E27FC236}">
                <a16:creationId xmlns:a16="http://schemas.microsoft.com/office/drawing/2014/main" id="{281A732F-DC81-4A3F-8446-8415BCEF67ED}"/>
              </a:ext>
            </a:extLst>
          </p:cNvPr>
          <p:cNvSpPr txBox="1"/>
          <p:nvPr/>
        </p:nvSpPr>
        <p:spPr>
          <a:xfrm>
            <a:off x="3762361" y="5922883"/>
            <a:ext cx="452938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(6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＋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6 ) × (16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8 )÷2 = 32 (cm²)</a:t>
            </a:r>
          </a:p>
        </p:txBody>
      </p:sp>
      <p:sp>
        <p:nvSpPr>
          <p:cNvPr id="72" name="文本框 71">
            <a:extLst>
              <a:ext uri="{FF2B5EF4-FFF2-40B4-BE49-F238E27FC236}">
                <a16:creationId xmlns:a16="http://schemas.microsoft.com/office/drawing/2014/main" id="{AEBFE1AB-8D63-4A7D-9FE1-9587C4AE1D43}"/>
              </a:ext>
            </a:extLst>
          </p:cNvPr>
          <p:cNvSpPr txBox="1"/>
          <p:nvPr/>
        </p:nvSpPr>
        <p:spPr>
          <a:xfrm>
            <a:off x="2121969" y="5189240"/>
            <a:ext cx="5485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2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A04262BF-D7DE-435D-B8D4-838119673FFB}"/>
              </a:ext>
            </a:extLst>
          </p:cNvPr>
          <p:cNvSpPr txBox="1"/>
          <p:nvPr/>
        </p:nvSpPr>
        <p:spPr>
          <a:xfrm>
            <a:off x="1111180" y="4168769"/>
            <a:ext cx="7772400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上圖是一個正方形，沿虛線把正方形分成一個長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方形和兩個大小不同的梯形，兩個梯形的面積相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差</a:t>
            </a:r>
            <a:r>
              <a:rPr lang="en-US" altLang="zh-CN" sz="2800" dirty="0">
                <a:ea typeface="DFKai-SB" panose="03000509000000000000" pitchFamily="65" charset="-120"/>
              </a:rPr>
              <a:t>_________cm²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208186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32" presetClass="emph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6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7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8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9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0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0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8 0.00162 L 0.1066 0.00116 " pathEditMode="relative" rAng="0" ptsTypes="AA">
                                      <p:cBhvr>
                                        <p:cTn id="43" dur="2000" fill="hold"/>
                                        <p:tgtEl>
                                          <p:spTgt spid="6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313" y="-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3000"/>
                            </p:stCondLst>
                            <p:childTnLst>
                              <p:par>
                                <p:cTn id="4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4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32" presetClass="emph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4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5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66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7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8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0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7 0.00162 L 0.00017 -0.18935 " pathEditMode="relative" rAng="0" ptsTypes="AA">
                                      <p:cBhvr>
                                        <p:cTn id="71" dur="2000" fill="hold"/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956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30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40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5000"/>
                            </p:stCondLst>
                            <p:childTnLst>
                              <p:par>
                                <p:cTn id="8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3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60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7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8000"/>
                            </p:stCondLst>
                            <p:childTnLst>
                              <p:par>
                                <p:cTn id="1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1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25" grpId="2" animBg="1"/>
      <p:bldP spid="30" grpId="0" build="allAtOnce"/>
      <p:bldP spid="49" grpId="0" animBg="1"/>
      <p:bldP spid="49" grpId="1" animBg="1"/>
      <p:bldP spid="50" grpId="0"/>
      <p:bldP spid="50" grpId="1"/>
      <p:bldP spid="51" grpId="0"/>
      <p:bldP spid="51" grpId="1"/>
      <p:bldP spid="52" grpId="0" animBg="1"/>
      <p:bldP spid="52" grpId="1" animBg="1"/>
      <p:bldP spid="53" grpId="0"/>
      <p:bldP spid="53" grpId="1"/>
      <p:bldP spid="54" grpId="0"/>
      <p:bldP spid="54" grpId="1"/>
      <p:bldP spid="55" grpId="0"/>
      <p:bldP spid="55" grpId="1"/>
      <p:bldP spid="56" grpId="0" animBg="1"/>
      <p:bldP spid="56" grpId="1" animBg="1"/>
      <p:bldP spid="57" grpId="0" animBg="1"/>
      <p:bldP spid="57" grpId="1" animBg="1"/>
      <p:bldP spid="59" grpId="0" animBg="1"/>
      <p:bldP spid="59" grpId="1" animBg="1"/>
      <p:bldP spid="62" grpId="0" animBg="1"/>
      <p:bldP spid="62" grpId="1" animBg="1"/>
      <p:bldP spid="23" grpId="0" animBg="1"/>
      <p:bldP spid="23" grpId="1" animBg="1"/>
      <p:bldP spid="23" grpId="2" animBg="1"/>
      <p:bldP spid="71" grpId="0"/>
      <p:bldP spid="71" grpId="1"/>
      <p:bldP spid="7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任意多边形: 形状 7">
            <a:extLst>
              <a:ext uri="{FF2B5EF4-FFF2-40B4-BE49-F238E27FC236}">
                <a16:creationId xmlns:a16="http://schemas.microsoft.com/office/drawing/2014/main" id="{6C55EBF3-34B6-4361-B88D-C0AFA745F9CC}"/>
              </a:ext>
            </a:extLst>
          </p:cNvPr>
          <p:cNvSpPr/>
          <p:nvPr/>
        </p:nvSpPr>
        <p:spPr>
          <a:xfrm>
            <a:off x="2064284" y="1468215"/>
            <a:ext cx="2019300" cy="2343150"/>
          </a:xfrm>
          <a:custGeom>
            <a:avLst/>
            <a:gdLst>
              <a:gd name="connsiteX0" fmla="*/ 0 w 2019300"/>
              <a:gd name="connsiteY0" fmla="*/ 0 h 2343150"/>
              <a:gd name="connsiteX1" fmla="*/ 692150 w 2019300"/>
              <a:gd name="connsiteY1" fmla="*/ 0 h 2343150"/>
              <a:gd name="connsiteX2" fmla="*/ 2019300 w 2019300"/>
              <a:gd name="connsiteY2" fmla="*/ 2343150 h 2343150"/>
              <a:gd name="connsiteX3" fmla="*/ 1327150 w 2019300"/>
              <a:gd name="connsiteY3" fmla="*/ 2343150 h 2343150"/>
              <a:gd name="connsiteX4" fmla="*/ 0 w 2019300"/>
              <a:gd name="connsiteY4" fmla="*/ 0 h 23431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019300" h="2343150">
                <a:moveTo>
                  <a:pt x="0" y="0"/>
                </a:moveTo>
                <a:lnTo>
                  <a:pt x="692150" y="0"/>
                </a:lnTo>
                <a:lnTo>
                  <a:pt x="2019300" y="2343150"/>
                </a:lnTo>
                <a:lnTo>
                  <a:pt x="1327150" y="2343150"/>
                </a:lnTo>
                <a:lnTo>
                  <a:pt x="0" y="0"/>
                </a:lnTo>
                <a:close/>
              </a:path>
            </a:pathLst>
          </a:cu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任意多边形: 形状 1">
            <a:extLst>
              <a:ext uri="{FF2B5EF4-FFF2-40B4-BE49-F238E27FC236}">
                <a16:creationId xmlns:a16="http://schemas.microsoft.com/office/drawing/2014/main" id="{09EEA179-F6DD-41CC-90EF-EBD49C33E7D1}"/>
              </a:ext>
            </a:extLst>
          </p:cNvPr>
          <p:cNvSpPr/>
          <p:nvPr/>
        </p:nvSpPr>
        <p:spPr>
          <a:xfrm>
            <a:off x="3781586" y="1480088"/>
            <a:ext cx="984143" cy="2355743"/>
          </a:xfrm>
          <a:custGeom>
            <a:avLst/>
            <a:gdLst>
              <a:gd name="connsiteX0" fmla="*/ 960895 w 984143"/>
              <a:gd name="connsiteY0" fmla="*/ 0 h 2355743"/>
              <a:gd name="connsiteX1" fmla="*/ 0 w 984143"/>
              <a:gd name="connsiteY1" fmla="*/ 1743559 h 2355743"/>
              <a:gd name="connsiteX2" fmla="*/ 317716 w 984143"/>
              <a:gd name="connsiteY2" fmla="*/ 2355743 h 2355743"/>
              <a:gd name="connsiteX3" fmla="*/ 984143 w 984143"/>
              <a:gd name="connsiteY3" fmla="*/ 2347993 h 2355743"/>
              <a:gd name="connsiteX4" fmla="*/ 960895 w 984143"/>
              <a:gd name="connsiteY4" fmla="*/ 0 h 235574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84143" h="2355743">
                <a:moveTo>
                  <a:pt x="960895" y="0"/>
                </a:moveTo>
                <a:lnTo>
                  <a:pt x="0" y="1743559"/>
                </a:lnTo>
                <a:lnTo>
                  <a:pt x="317716" y="2355743"/>
                </a:lnTo>
                <a:lnTo>
                  <a:pt x="984143" y="2347993"/>
                </a:lnTo>
                <a:lnTo>
                  <a:pt x="960895" y="0"/>
                </a:ln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8" name="矩形 57">
            <a:extLst>
              <a:ext uri="{FF2B5EF4-FFF2-40B4-BE49-F238E27FC236}">
                <a16:creationId xmlns:a16="http://schemas.microsoft.com/office/drawing/2014/main" id="{ADBAFC6E-3DFD-4225-B682-2EE24A9503AB}"/>
              </a:ext>
            </a:extLst>
          </p:cNvPr>
          <p:cNvSpPr/>
          <p:nvPr/>
        </p:nvSpPr>
        <p:spPr>
          <a:xfrm>
            <a:off x="5809206" y="4632957"/>
            <a:ext cx="251791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A04262BF-D7DE-435D-B8D4-838119673FFB}"/>
              </a:ext>
            </a:extLst>
          </p:cNvPr>
          <p:cNvSpPr txBox="1"/>
          <p:nvPr/>
        </p:nvSpPr>
        <p:spPr>
          <a:xfrm>
            <a:off x="1077488" y="4088563"/>
            <a:ext cx="7575620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u="sng" dirty="0">
                <a:ea typeface="DFKai-SB" panose="03000509000000000000" pitchFamily="65" charset="-120"/>
              </a:rPr>
              <a:t>曉強</a:t>
            </a:r>
            <a:r>
              <a:rPr lang="zh-CN" altLang="en-US" sz="2800" dirty="0">
                <a:ea typeface="DFKai-SB" panose="03000509000000000000" pitchFamily="65" charset="-120"/>
              </a:rPr>
              <a:t>將一張平行四邊形貼紙和一張三角形貼紙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拼成一個圖形，如上圖所示。整個圖形的面積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CN" altLang="en-US" sz="2800" dirty="0">
                <a:ea typeface="DFKai-SB" panose="03000509000000000000" pitchFamily="65" charset="-120"/>
              </a:rPr>
              <a:t>是</a:t>
            </a:r>
            <a:r>
              <a:rPr lang="en-US" altLang="zh-CN" sz="2800" dirty="0">
                <a:ea typeface="DFKai-SB" panose="03000509000000000000" pitchFamily="65" charset="-120"/>
              </a:rPr>
              <a:t>_________cm²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395E0817-2610-4E0D-823E-EA57E138F895}"/>
              </a:ext>
            </a:extLst>
          </p:cNvPr>
          <p:cNvSpPr txBox="1"/>
          <p:nvPr/>
        </p:nvSpPr>
        <p:spPr>
          <a:xfrm>
            <a:off x="557276" y="1215039"/>
            <a:ext cx="8880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40.</a:t>
            </a:r>
          </a:p>
        </p:txBody>
      </p:sp>
      <p:sp>
        <p:nvSpPr>
          <p:cNvPr id="80" name="Text Box 50">
            <a:extLst>
              <a:ext uri="{FF2B5EF4-FFF2-40B4-BE49-F238E27FC236}">
                <a16:creationId xmlns:a16="http://schemas.microsoft.com/office/drawing/2014/main" id="{F1DE8802-5870-4250-B749-BDDCB2CEF1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18815" y="2137290"/>
            <a:ext cx="794484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/>
              <a:t>4cm</a:t>
            </a:r>
          </a:p>
        </p:txBody>
      </p:sp>
      <p:sp>
        <p:nvSpPr>
          <p:cNvPr id="82" name="文本框 81">
            <a:extLst>
              <a:ext uri="{FF2B5EF4-FFF2-40B4-BE49-F238E27FC236}">
                <a16:creationId xmlns:a16="http://schemas.microsoft.com/office/drawing/2014/main" id="{2DEFDF6D-FF76-477B-ABF4-2D9022060796}"/>
              </a:ext>
            </a:extLst>
          </p:cNvPr>
          <p:cNvSpPr txBox="1"/>
          <p:nvPr/>
        </p:nvSpPr>
        <p:spPr>
          <a:xfrm>
            <a:off x="5464550" y="1112376"/>
            <a:ext cx="249755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整個圖形的面積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3" name="文本框 82">
            <a:extLst>
              <a:ext uri="{FF2B5EF4-FFF2-40B4-BE49-F238E27FC236}">
                <a16:creationId xmlns:a16="http://schemas.microsoft.com/office/drawing/2014/main" id="{639209EE-1721-4FA4-8EBF-12E8981DDC1A}"/>
              </a:ext>
            </a:extLst>
          </p:cNvPr>
          <p:cNvSpPr txBox="1"/>
          <p:nvPr/>
        </p:nvSpPr>
        <p:spPr>
          <a:xfrm>
            <a:off x="5511229" y="1562781"/>
            <a:ext cx="338221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平行四邊形的面積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等腰三角形 18">
            <a:extLst>
              <a:ext uri="{FF2B5EF4-FFF2-40B4-BE49-F238E27FC236}">
                <a16:creationId xmlns:a16="http://schemas.microsoft.com/office/drawing/2014/main" id="{91F414C8-A95A-4811-9722-E8FE144E2B3E}"/>
              </a:ext>
            </a:extLst>
          </p:cNvPr>
          <p:cNvSpPr/>
          <p:nvPr/>
        </p:nvSpPr>
        <p:spPr>
          <a:xfrm>
            <a:off x="3392171" y="3209569"/>
            <a:ext cx="733801" cy="612252"/>
          </a:xfrm>
          <a:custGeom>
            <a:avLst/>
            <a:gdLst>
              <a:gd name="connsiteX0" fmla="*/ 0 w 733801"/>
              <a:gd name="connsiteY0" fmla="*/ 597512 h 597512"/>
              <a:gd name="connsiteX1" fmla="*/ 366901 w 733801"/>
              <a:gd name="connsiteY1" fmla="*/ 0 h 597512"/>
              <a:gd name="connsiteX2" fmla="*/ 733801 w 733801"/>
              <a:gd name="connsiteY2" fmla="*/ 597512 h 597512"/>
              <a:gd name="connsiteX3" fmla="*/ 0 w 733801"/>
              <a:gd name="connsiteY3" fmla="*/ 597512 h 597512"/>
              <a:gd name="connsiteX0" fmla="*/ 0 w 733801"/>
              <a:gd name="connsiteY0" fmla="*/ 614765 h 614765"/>
              <a:gd name="connsiteX1" fmla="*/ 366901 w 733801"/>
              <a:gd name="connsiteY1" fmla="*/ 0 h 614765"/>
              <a:gd name="connsiteX2" fmla="*/ 733801 w 733801"/>
              <a:gd name="connsiteY2" fmla="*/ 614765 h 614765"/>
              <a:gd name="connsiteX3" fmla="*/ 0 w 733801"/>
              <a:gd name="connsiteY3" fmla="*/ 614765 h 614765"/>
              <a:gd name="connsiteX0" fmla="*/ 0 w 733801"/>
              <a:gd name="connsiteY0" fmla="*/ 623391 h 623391"/>
              <a:gd name="connsiteX1" fmla="*/ 366901 w 733801"/>
              <a:gd name="connsiteY1" fmla="*/ 0 h 623391"/>
              <a:gd name="connsiteX2" fmla="*/ 733801 w 733801"/>
              <a:gd name="connsiteY2" fmla="*/ 623391 h 623391"/>
              <a:gd name="connsiteX3" fmla="*/ 0 w 733801"/>
              <a:gd name="connsiteY3" fmla="*/ 623391 h 623391"/>
              <a:gd name="connsiteX0" fmla="*/ 0 w 733801"/>
              <a:gd name="connsiteY0" fmla="*/ 649270 h 649270"/>
              <a:gd name="connsiteX1" fmla="*/ 375528 w 733801"/>
              <a:gd name="connsiteY1" fmla="*/ 0 h 649270"/>
              <a:gd name="connsiteX2" fmla="*/ 733801 w 733801"/>
              <a:gd name="connsiteY2" fmla="*/ 649270 h 649270"/>
              <a:gd name="connsiteX3" fmla="*/ 0 w 733801"/>
              <a:gd name="connsiteY3" fmla="*/ 649270 h 64927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33801" h="649270">
                <a:moveTo>
                  <a:pt x="0" y="649270"/>
                </a:moveTo>
                <a:lnTo>
                  <a:pt x="375528" y="0"/>
                </a:lnTo>
                <a:lnTo>
                  <a:pt x="733801" y="649270"/>
                </a:lnTo>
                <a:lnTo>
                  <a:pt x="0" y="649270"/>
                </a:lnTo>
                <a:close/>
              </a:path>
            </a:pathLst>
          </a:cu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0" name="文本框 89">
            <a:extLst>
              <a:ext uri="{FF2B5EF4-FFF2-40B4-BE49-F238E27FC236}">
                <a16:creationId xmlns:a16="http://schemas.microsoft.com/office/drawing/2014/main" id="{77D68DDC-7FB4-4437-B969-DFF9F01341FA}"/>
              </a:ext>
            </a:extLst>
          </p:cNvPr>
          <p:cNvSpPr txBox="1"/>
          <p:nvPr/>
        </p:nvSpPr>
        <p:spPr>
          <a:xfrm>
            <a:off x="3615033" y="3368472"/>
            <a:ext cx="6450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B</a:t>
            </a:r>
          </a:p>
        </p:txBody>
      </p:sp>
      <p:sp>
        <p:nvSpPr>
          <p:cNvPr id="91" name="文本框 90">
            <a:extLst>
              <a:ext uri="{FF2B5EF4-FFF2-40B4-BE49-F238E27FC236}">
                <a16:creationId xmlns:a16="http://schemas.microsoft.com/office/drawing/2014/main" id="{2F82DF0A-9EA3-4BA8-B28D-DC02245AD2A6}"/>
              </a:ext>
            </a:extLst>
          </p:cNvPr>
          <p:cNvSpPr txBox="1"/>
          <p:nvPr/>
        </p:nvSpPr>
        <p:spPr>
          <a:xfrm>
            <a:off x="4242874" y="2845111"/>
            <a:ext cx="4711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C</a:t>
            </a:r>
          </a:p>
        </p:txBody>
      </p:sp>
      <p:grpSp>
        <p:nvGrpSpPr>
          <p:cNvPr id="20" name="组合 19">
            <a:extLst>
              <a:ext uri="{FF2B5EF4-FFF2-40B4-BE49-F238E27FC236}">
                <a16:creationId xmlns:a16="http://schemas.microsoft.com/office/drawing/2014/main" id="{BC24377B-00EB-4B47-973E-CC2F51757949}"/>
              </a:ext>
            </a:extLst>
          </p:cNvPr>
          <p:cNvGrpSpPr/>
          <p:nvPr/>
        </p:nvGrpSpPr>
        <p:grpSpPr>
          <a:xfrm>
            <a:off x="1161957" y="1113552"/>
            <a:ext cx="4482692" cy="3097923"/>
            <a:chOff x="2263165" y="818183"/>
            <a:chExt cx="4482692" cy="3097923"/>
          </a:xfrm>
        </p:grpSpPr>
        <p:sp>
          <p:nvSpPr>
            <p:cNvPr id="6" name="任意多边形: 形状 5">
              <a:extLst>
                <a:ext uri="{FF2B5EF4-FFF2-40B4-BE49-F238E27FC236}">
                  <a16:creationId xmlns:a16="http://schemas.microsoft.com/office/drawing/2014/main" id="{FD0D7546-B1EB-4E84-8A48-830A5F6432E0}"/>
                </a:ext>
              </a:extLst>
            </p:cNvPr>
            <p:cNvSpPr/>
            <p:nvPr/>
          </p:nvSpPr>
          <p:spPr>
            <a:xfrm>
              <a:off x="4865298" y="1181819"/>
              <a:ext cx="992038" cy="2355012"/>
            </a:xfrm>
            <a:custGeom>
              <a:avLst/>
              <a:gdLst>
                <a:gd name="connsiteX0" fmla="*/ 0 w 992038"/>
                <a:gd name="connsiteY0" fmla="*/ 1759789 h 2355012"/>
                <a:gd name="connsiteX1" fmla="*/ 992038 w 992038"/>
                <a:gd name="connsiteY1" fmla="*/ 0 h 2355012"/>
                <a:gd name="connsiteX2" fmla="*/ 983411 w 992038"/>
                <a:gd name="connsiteY2" fmla="*/ 2346385 h 2355012"/>
                <a:gd name="connsiteX3" fmla="*/ 336430 w 992038"/>
                <a:gd name="connsiteY3" fmla="*/ 2355012 h 2355012"/>
                <a:gd name="connsiteX4" fmla="*/ 0 w 992038"/>
                <a:gd name="connsiteY4" fmla="*/ 1759789 h 235501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92038" h="2355012">
                  <a:moveTo>
                    <a:pt x="0" y="1759789"/>
                  </a:moveTo>
                  <a:lnTo>
                    <a:pt x="992038" y="0"/>
                  </a:lnTo>
                  <a:cubicBezTo>
                    <a:pt x="989162" y="782128"/>
                    <a:pt x="986287" y="1564257"/>
                    <a:pt x="983411" y="2346385"/>
                  </a:cubicBezTo>
                  <a:lnTo>
                    <a:pt x="336430" y="2355012"/>
                  </a:lnTo>
                  <a:lnTo>
                    <a:pt x="0" y="1759789"/>
                  </a:lnTo>
                  <a:close/>
                </a:path>
              </a:pathLst>
            </a:cu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7" name="任意多边形: 形状 6">
              <a:extLst>
                <a:ext uri="{FF2B5EF4-FFF2-40B4-BE49-F238E27FC236}">
                  <a16:creationId xmlns:a16="http://schemas.microsoft.com/office/drawing/2014/main" id="{A5C88DE9-7769-43AF-BE30-2A3835A7A249}"/>
                </a:ext>
              </a:extLst>
            </p:cNvPr>
            <p:cNvSpPr/>
            <p:nvPr/>
          </p:nvSpPr>
          <p:spPr>
            <a:xfrm>
              <a:off x="3191774" y="1173193"/>
              <a:ext cx="2009954" cy="2361818"/>
            </a:xfrm>
            <a:custGeom>
              <a:avLst/>
              <a:gdLst>
                <a:gd name="connsiteX0" fmla="*/ 0 w 1682151"/>
                <a:gd name="connsiteY0" fmla="*/ 0 h 2355011"/>
                <a:gd name="connsiteX1" fmla="*/ 672860 w 1682151"/>
                <a:gd name="connsiteY1" fmla="*/ 0 h 2355011"/>
                <a:gd name="connsiteX2" fmla="*/ 1682151 w 1682151"/>
                <a:gd name="connsiteY2" fmla="*/ 1777041 h 2355011"/>
                <a:gd name="connsiteX3" fmla="*/ 1337094 w 1682151"/>
                <a:gd name="connsiteY3" fmla="*/ 2355011 h 2355011"/>
                <a:gd name="connsiteX4" fmla="*/ 0 w 1682151"/>
                <a:gd name="connsiteY4" fmla="*/ 0 h 2355011"/>
                <a:gd name="connsiteX0" fmla="*/ 0 w 2027207"/>
                <a:gd name="connsiteY0" fmla="*/ 0 h 2355011"/>
                <a:gd name="connsiteX1" fmla="*/ 672860 w 2027207"/>
                <a:gd name="connsiteY1" fmla="*/ 0 h 2355011"/>
                <a:gd name="connsiteX2" fmla="*/ 2027207 w 2027207"/>
                <a:gd name="connsiteY2" fmla="*/ 2355011 h 2355011"/>
                <a:gd name="connsiteX3" fmla="*/ 1337094 w 2027207"/>
                <a:gd name="connsiteY3" fmla="*/ 2355011 h 2355011"/>
                <a:gd name="connsiteX4" fmla="*/ 0 w 2027207"/>
                <a:gd name="connsiteY4" fmla="*/ 0 h 23550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27207" h="2355011">
                  <a:moveTo>
                    <a:pt x="0" y="0"/>
                  </a:moveTo>
                  <a:lnTo>
                    <a:pt x="672860" y="0"/>
                  </a:lnTo>
                  <a:lnTo>
                    <a:pt x="2027207" y="2355011"/>
                  </a:lnTo>
                  <a:lnTo>
                    <a:pt x="1337094" y="2355011"/>
                  </a:lnTo>
                  <a:lnTo>
                    <a:pt x="0" y="0"/>
                  </a:lnTo>
                  <a:close/>
                </a:path>
              </a:pathLst>
            </a:cu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61" name="任意多边形: 形状 60">
              <a:extLst>
                <a:ext uri="{FF2B5EF4-FFF2-40B4-BE49-F238E27FC236}">
                  <a16:creationId xmlns:a16="http://schemas.microsoft.com/office/drawing/2014/main" id="{3920E9FB-9E45-4C13-A857-B03979A62267}"/>
                </a:ext>
              </a:extLst>
            </p:cNvPr>
            <p:cNvSpPr/>
            <p:nvPr/>
          </p:nvSpPr>
          <p:spPr>
            <a:xfrm flipH="1" flipV="1">
              <a:off x="3183147" y="1188625"/>
              <a:ext cx="1337094" cy="2355012"/>
            </a:xfrm>
            <a:custGeom>
              <a:avLst/>
              <a:gdLst>
                <a:gd name="connsiteX0" fmla="*/ 0 w 992038"/>
                <a:gd name="connsiteY0" fmla="*/ 8626 h 1302588"/>
                <a:gd name="connsiteX1" fmla="*/ 992038 w 992038"/>
                <a:gd name="connsiteY1" fmla="*/ 0 h 1302588"/>
                <a:gd name="connsiteX2" fmla="*/ 992038 w 992038"/>
                <a:gd name="connsiteY2" fmla="*/ 1302588 h 1302588"/>
                <a:gd name="connsiteX0" fmla="*/ 0 w 992038"/>
                <a:gd name="connsiteY0" fmla="*/ 17252 h 1302588"/>
                <a:gd name="connsiteX1" fmla="*/ 992038 w 992038"/>
                <a:gd name="connsiteY1" fmla="*/ 0 h 1302588"/>
                <a:gd name="connsiteX2" fmla="*/ 992038 w 992038"/>
                <a:gd name="connsiteY2" fmla="*/ 1302588 h 1302588"/>
                <a:gd name="connsiteX0" fmla="*/ 0 w 1009291"/>
                <a:gd name="connsiteY0" fmla="*/ 8626 h 1302588"/>
                <a:gd name="connsiteX1" fmla="*/ 1009291 w 1009291"/>
                <a:gd name="connsiteY1" fmla="*/ 0 h 1302588"/>
                <a:gd name="connsiteX2" fmla="*/ 1009291 w 1009291"/>
                <a:gd name="connsiteY2" fmla="*/ 1302588 h 1302588"/>
                <a:gd name="connsiteX0" fmla="*/ 0 w 992038"/>
                <a:gd name="connsiteY0" fmla="*/ 8626 h 1302588"/>
                <a:gd name="connsiteX1" fmla="*/ 992038 w 992038"/>
                <a:gd name="connsiteY1" fmla="*/ 0 h 1302588"/>
                <a:gd name="connsiteX2" fmla="*/ 992038 w 992038"/>
                <a:gd name="connsiteY2" fmla="*/ 1302588 h 13025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992038" h="1302588">
                  <a:moveTo>
                    <a:pt x="0" y="8626"/>
                  </a:moveTo>
                  <a:lnTo>
                    <a:pt x="992038" y="0"/>
                  </a:lnTo>
                  <a:lnTo>
                    <a:pt x="992038" y="1302588"/>
                  </a:lnTo>
                </a:path>
              </a:pathLst>
            </a:cu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64" name="任意多边形: 形状 63">
              <a:extLst>
                <a:ext uri="{FF2B5EF4-FFF2-40B4-BE49-F238E27FC236}">
                  <a16:creationId xmlns:a16="http://schemas.microsoft.com/office/drawing/2014/main" id="{E23BB87F-DBC7-49CC-B49B-075CE7002EB6}"/>
                </a:ext>
              </a:extLst>
            </p:cNvPr>
            <p:cNvSpPr/>
            <p:nvPr/>
          </p:nvSpPr>
          <p:spPr>
            <a:xfrm flipH="1" flipV="1">
              <a:off x="3174521" y="3359997"/>
              <a:ext cx="180000" cy="180000"/>
            </a:xfrm>
            <a:custGeom>
              <a:avLst/>
              <a:gdLst>
                <a:gd name="connsiteX0" fmla="*/ 0 w 345057"/>
                <a:gd name="connsiteY0" fmla="*/ 0 h 345056"/>
                <a:gd name="connsiteX1" fmla="*/ 8627 w 345057"/>
                <a:gd name="connsiteY1" fmla="*/ 345056 h 345056"/>
                <a:gd name="connsiteX2" fmla="*/ 345057 w 345057"/>
                <a:gd name="connsiteY2" fmla="*/ 345056 h 345056"/>
                <a:gd name="connsiteX0" fmla="*/ 0 w 345057"/>
                <a:gd name="connsiteY0" fmla="*/ 0 h 345056"/>
                <a:gd name="connsiteX1" fmla="*/ 8627 w 345057"/>
                <a:gd name="connsiteY1" fmla="*/ 345056 h 345056"/>
                <a:gd name="connsiteX2" fmla="*/ 345057 w 345057"/>
                <a:gd name="connsiteY2" fmla="*/ 345056 h 345056"/>
                <a:gd name="connsiteX0" fmla="*/ 0 w 336431"/>
                <a:gd name="connsiteY0" fmla="*/ 0 h 345056"/>
                <a:gd name="connsiteX1" fmla="*/ 1 w 336431"/>
                <a:gd name="connsiteY1" fmla="*/ 345056 h 345056"/>
                <a:gd name="connsiteX2" fmla="*/ 336431 w 336431"/>
                <a:gd name="connsiteY2" fmla="*/ 345056 h 34505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36431" h="345056">
                  <a:moveTo>
                    <a:pt x="0" y="0"/>
                  </a:moveTo>
                  <a:cubicBezTo>
                    <a:pt x="0" y="115019"/>
                    <a:pt x="1" y="230037"/>
                    <a:pt x="1" y="345056"/>
                  </a:cubicBezTo>
                  <a:lnTo>
                    <a:pt x="336431" y="345056"/>
                  </a:lnTo>
                </a:path>
              </a:pathLst>
            </a:cu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cxnSp>
          <p:nvCxnSpPr>
            <p:cNvPr id="13" name="直接连接符 12">
              <a:extLst>
                <a:ext uri="{FF2B5EF4-FFF2-40B4-BE49-F238E27FC236}">
                  <a16:creationId xmlns:a16="http://schemas.microsoft.com/office/drawing/2014/main" id="{CFA5B949-D6B8-43D8-AED1-C05CB830032C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4508862" y="2941608"/>
              <a:ext cx="347810" cy="584777"/>
            </a:xfrm>
            <a:prstGeom prst="line">
              <a:avLst/>
            </a:prstGeom>
            <a:ln w="19050">
              <a:solidFill>
                <a:schemeClr val="tx1">
                  <a:lumMod val="95000"/>
                  <a:lumOff val="5000"/>
                </a:schemeClr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66" name="组合 65">
              <a:extLst>
                <a:ext uri="{FF2B5EF4-FFF2-40B4-BE49-F238E27FC236}">
                  <a16:creationId xmlns:a16="http://schemas.microsoft.com/office/drawing/2014/main" id="{F1BF3D7A-3833-4070-B588-652814822148}"/>
                </a:ext>
              </a:extLst>
            </p:cNvPr>
            <p:cNvGrpSpPr/>
            <p:nvPr/>
          </p:nvGrpSpPr>
          <p:grpSpPr>
            <a:xfrm>
              <a:off x="4848046" y="2947516"/>
              <a:ext cx="108000" cy="589181"/>
              <a:chOff x="4735902" y="2650289"/>
              <a:chExt cx="108000" cy="589181"/>
            </a:xfrm>
          </p:grpSpPr>
          <p:cxnSp>
            <p:nvCxnSpPr>
              <p:cNvPr id="67" name="直接连接符 66">
                <a:extLst>
                  <a:ext uri="{FF2B5EF4-FFF2-40B4-BE49-F238E27FC236}">
                    <a16:creationId xmlns:a16="http://schemas.microsoft.com/office/drawing/2014/main" id="{5AA88BBC-8017-4E46-8FF7-6395DFBD90D5}"/>
                  </a:ext>
                </a:extLst>
              </p:cNvPr>
              <p:cNvCxnSpPr>
                <a:cxnSpLocks/>
              </p:cNvCxnSpPr>
              <p:nvPr/>
            </p:nvCxnSpPr>
            <p:spPr>
              <a:xfrm rot="16200000" flipH="1">
                <a:off x="4453653" y="2938289"/>
                <a:ext cx="576000" cy="0"/>
              </a:xfrm>
              <a:prstGeom prst="line">
                <a:avLst/>
              </a:prstGeom>
              <a:ln w="12700">
                <a:solidFill>
                  <a:schemeClr val="tx1">
                    <a:lumMod val="95000"/>
                    <a:lumOff val="5000"/>
                  </a:schemeClr>
                </a:solidFill>
                <a:prstDash val="dash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68" name="任意多边形: 形状 67">
                <a:extLst>
                  <a:ext uri="{FF2B5EF4-FFF2-40B4-BE49-F238E27FC236}">
                    <a16:creationId xmlns:a16="http://schemas.microsoft.com/office/drawing/2014/main" id="{9FC8BF46-87F9-4C4F-89F0-038BB5F17F12}"/>
                  </a:ext>
                </a:extLst>
              </p:cNvPr>
              <p:cNvSpPr/>
              <p:nvPr/>
            </p:nvSpPr>
            <p:spPr>
              <a:xfrm>
                <a:off x="4735902" y="3131470"/>
                <a:ext cx="108000" cy="108000"/>
              </a:xfrm>
              <a:custGeom>
                <a:avLst/>
                <a:gdLst>
                  <a:gd name="connsiteX0" fmla="*/ 0 w 215660"/>
                  <a:gd name="connsiteY0" fmla="*/ 0 h 86264"/>
                  <a:gd name="connsiteX1" fmla="*/ 215660 w 215660"/>
                  <a:gd name="connsiteY1" fmla="*/ 0 h 86264"/>
                  <a:gd name="connsiteX2" fmla="*/ 215660 w 215660"/>
                  <a:gd name="connsiteY2" fmla="*/ 86264 h 8626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215660" h="86264">
                    <a:moveTo>
                      <a:pt x="0" y="0"/>
                    </a:moveTo>
                    <a:lnTo>
                      <a:pt x="215660" y="0"/>
                    </a:lnTo>
                    <a:lnTo>
                      <a:pt x="215660" y="86264"/>
                    </a:lnTo>
                  </a:path>
                </a:pathLst>
              </a:custGeom>
              <a:noFill/>
              <a:ln w="1270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sp>
          <p:nvSpPr>
            <p:cNvPr id="69" name="任意多边形: 形状 68">
              <a:extLst>
                <a:ext uri="{FF2B5EF4-FFF2-40B4-BE49-F238E27FC236}">
                  <a16:creationId xmlns:a16="http://schemas.microsoft.com/office/drawing/2014/main" id="{97D24500-8359-4705-B421-A5C6D3EC369B}"/>
                </a:ext>
              </a:extLst>
            </p:cNvPr>
            <p:cNvSpPr/>
            <p:nvPr/>
          </p:nvSpPr>
          <p:spPr>
            <a:xfrm flipV="1">
              <a:off x="5674582" y="3341008"/>
              <a:ext cx="180000" cy="180000"/>
            </a:xfrm>
            <a:custGeom>
              <a:avLst/>
              <a:gdLst>
                <a:gd name="connsiteX0" fmla="*/ 0 w 345057"/>
                <a:gd name="connsiteY0" fmla="*/ 0 h 345056"/>
                <a:gd name="connsiteX1" fmla="*/ 8627 w 345057"/>
                <a:gd name="connsiteY1" fmla="*/ 345056 h 345056"/>
                <a:gd name="connsiteX2" fmla="*/ 345057 w 345057"/>
                <a:gd name="connsiteY2" fmla="*/ 345056 h 345056"/>
                <a:gd name="connsiteX0" fmla="*/ 0 w 345057"/>
                <a:gd name="connsiteY0" fmla="*/ 0 h 345056"/>
                <a:gd name="connsiteX1" fmla="*/ 8627 w 345057"/>
                <a:gd name="connsiteY1" fmla="*/ 345056 h 345056"/>
                <a:gd name="connsiteX2" fmla="*/ 345057 w 345057"/>
                <a:gd name="connsiteY2" fmla="*/ 345056 h 345056"/>
                <a:gd name="connsiteX0" fmla="*/ 0 w 336431"/>
                <a:gd name="connsiteY0" fmla="*/ 0 h 345056"/>
                <a:gd name="connsiteX1" fmla="*/ 1 w 336431"/>
                <a:gd name="connsiteY1" fmla="*/ 345056 h 345056"/>
                <a:gd name="connsiteX2" fmla="*/ 336431 w 336431"/>
                <a:gd name="connsiteY2" fmla="*/ 345056 h 34505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36431" h="345056">
                  <a:moveTo>
                    <a:pt x="0" y="0"/>
                  </a:moveTo>
                  <a:cubicBezTo>
                    <a:pt x="0" y="115019"/>
                    <a:pt x="1" y="230037"/>
                    <a:pt x="1" y="345056"/>
                  </a:cubicBezTo>
                  <a:lnTo>
                    <a:pt x="336431" y="345056"/>
                  </a:lnTo>
                </a:path>
              </a:pathLst>
            </a:cu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grpSp>
          <p:nvGrpSpPr>
            <p:cNvPr id="70" name="组合 42">
              <a:extLst>
                <a:ext uri="{FF2B5EF4-FFF2-40B4-BE49-F238E27FC236}">
                  <a16:creationId xmlns:a16="http://schemas.microsoft.com/office/drawing/2014/main" id="{0F9A5E09-603B-4792-9163-5F38F478353C}"/>
                </a:ext>
              </a:extLst>
            </p:cNvPr>
            <p:cNvGrpSpPr>
              <a:grpSpLocks/>
            </p:cNvGrpSpPr>
            <p:nvPr/>
          </p:nvGrpSpPr>
          <p:grpSpPr bwMode="auto">
            <a:xfrm rot="16200000">
              <a:off x="5071549" y="2930020"/>
              <a:ext cx="216000" cy="1345850"/>
              <a:chOff x="8146616" y="3077300"/>
              <a:chExt cx="116952" cy="420962"/>
            </a:xfrm>
          </p:grpSpPr>
          <p:cxnSp>
            <p:nvCxnSpPr>
              <p:cNvPr id="73" name="直接连接符 22">
                <a:extLst>
                  <a:ext uri="{FF2B5EF4-FFF2-40B4-BE49-F238E27FC236}">
                    <a16:creationId xmlns:a16="http://schemas.microsoft.com/office/drawing/2014/main" id="{61EA569E-7138-48B0-9883-00F10582BB1C}"/>
                  </a:ext>
                </a:extLst>
              </p:cNvPr>
              <p:cNvCxnSpPr>
                <a:cxnSpLocks noChangeShapeType="1"/>
              </p:cNvCxnSpPr>
              <p:nvPr/>
            </p:nvCxnSpPr>
            <p:spPr bwMode="auto">
              <a:xfrm rot="16200000">
                <a:off x="8208785" y="3443478"/>
                <a:ext cx="0" cy="109567"/>
              </a:xfrm>
              <a:prstGeom prst="line">
                <a:avLst/>
              </a:prstGeom>
              <a:noFill/>
              <a:ln w="9525" algn="ctr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000000"/>
                      </a:outerShdw>
                    </a:effectLst>
                  </a14:hiddenEffects>
                </a:ext>
              </a:extLst>
            </p:spPr>
          </p:cxnSp>
          <p:cxnSp>
            <p:nvCxnSpPr>
              <p:cNvPr id="74" name="直接连接符 22">
                <a:extLst>
                  <a:ext uri="{FF2B5EF4-FFF2-40B4-BE49-F238E27FC236}">
                    <a16:creationId xmlns:a16="http://schemas.microsoft.com/office/drawing/2014/main" id="{1F0F8B47-7809-4FFF-9BA8-51AAED29DF84}"/>
                  </a:ext>
                </a:extLst>
              </p:cNvPr>
              <p:cNvCxnSpPr>
                <a:cxnSpLocks noChangeShapeType="1"/>
              </p:cNvCxnSpPr>
              <p:nvPr/>
            </p:nvCxnSpPr>
            <p:spPr bwMode="auto">
              <a:xfrm rot="16200000">
                <a:off x="8201400" y="3022516"/>
                <a:ext cx="0" cy="109567"/>
              </a:xfrm>
              <a:prstGeom prst="line">
                <a:avLst/>
              </a:prstGeom>
              <a:noFill/>
              <a:ln w="9525" algn="ctr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000000"/>
                      </a:outerShdw>
                    </a:effectLst>
                  </a14:hiddenEffects>
                </a:ext>
              </a:extLst>
            </p:spPr>
          </p:cxnSp>
          <p:cxnSp>
            <p:nvCxnSpPr>
              <p:cNvPr id="75" name="直接箭头连接符 32">
                <a:extLst>
                  <a:ext uri="{FF2B5EF4-FFF2-40B4-BE49-F238E27FC236}">
                    <a16:creationId xmlns:a16="http://schemas.microsoft.com/office/drawing/2014/main" id="{EE387E7D-6B6D-41A6-9032-C90CEC314A77}"/>
                  </a:ext>
                </a:extLst>
              </p:cNvPr>
              <p:cNvCxnSpPr>
                <a:cxnSpLocks/>
              </p:cNvCxnSpPr>
              <p:nvPr/>
            </p:nvCxnSpPr>
            <p:spPr bwMode="auto">
              <a:xfrm flipH="1" flipV="1">
                <a:off x="8203035" y="3078000"/>
                <a:ext cx="1" cy="414000"/>
              </a:xfrm>
              <a:prstGeom prst="straightConnector1">
                <a:avLst/>
              </a:prstGeom>
              <a:noFill/>
              <a:ln w="9525" algn="ctr">
                <a:solidFill>
                  <a:schemeClr val="tx1"/>
                </a:solidFill>
                <a:round/>
                <a:headEnd type="triangle" w="med" len="med"/>
                <a:tailEnd type="triangle" w="med" len="med"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000000"/>
                      </a:outerShdw>
                    </a:effectLst>
                  </a14:hiddenEffects>
                </a:ext>
              </a:extLst>
            </p:spPr>
          </p:cxnSp>
        </p:grpSp>
        <p:sp>
          <p:nvSpPr>
            <p:cNvPr id="76" name="Text Box 50">
              <a:extLst>
                <a:ext uri="{FF2B5EF4-FFF2-40B4-BE49-F238E27FC236}">
                  <a16:creationId xmlns:a16="http://schemas.microsoft.com/office/drawing/2014/main" id="{41669B06-FA9F-4552-95DD-B197D21E44C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36344" y="3515996"/>
              <a:ext cx="83405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8cm</a:t>
              </a:r>
            </a:p>
          </p:txBody>
        </p:sp>
        <p:sp>
          <p:nvSpPr>
            <p:cNvPr id="77" name="Text Box 50">
              <a:extLst>
                <a:ext uri="{FF2B5EF4-FFF2-40B4-BE49-F238E27FC236}">
                  <a16:creationId xmlns:a16="http://schemas.microsoft.com/office/drawing/2014/main" id="{8851F20F-B02C-466D-8126-27E34933FA7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63165" y="2043011"/>
              <a:ext cx="976966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14cm</a:t>
              </a:r>
            </a:p>
          </p:txBody>
        </p:sp>
        <p:sp>
          <p:nvSpPr>
            <p:cNvPr id="78" name="Text Box 50">
              <a:extLst>
                <a:ext uri="{FF2B5EF4-FFF2-40B4-BE49-F238E27FC236}">
                  <a16:creationId xmlns:a16="http://schemas.microsoft.com/office/drawing/2014/main" id="{4821EFC0-C5E5-465C-A692-F925F77877D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899068" y="2192910"/>
              <a:ext cx="846789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>
                <a:spcBef>
                  <a:spcPct val="50000"/>
                </a:spcBef>
              </a:pPr>
              <a:r>
                <a:rPr lang="en-US" altLang="zh-TW" sz="2000" dirty="0"/>
                <a:t>14cm</a:t>
              </a:r>
            </a:p>
          </p:txBody>
        </p:sp>
        <p:sp>
          <p:nvSpPr>
            <p:cNvPr id="79" name="Text Box 50">
              <a:extLst>
                <a:ext uri="{FF2B5EF4-FFF2-40B4-BE49-F238E27FC236}">
                  <a16:creationId xmlns:a16="http://schemas.microsoft.com/office/drawing/2014/main" id="{FF0C041F-65D6-492E-862F-23641D025F5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88703" y="818183"/>
              <a:ext cx="794484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4cm</a:t>
              </a:r>
            </a:p>
          </p:txBody>
        </p:sp>
        <p:sp>
          <p:nvSpPr>
            <p:cNvPr id="18" name="弧形 17">
              <a:extLst>
                <a:ext uri="{FF2B5EF4-FFF2-40B4-BE49-F238E27FC236}">
                  <a16:creationId xmlns:a16="http://schemas.microsoft.com/office/drawing/2014/main" id="{5371B167-FC68-4B5A-8783-D705D7B9AC1F}"/>
                </a:ext>
              </a:extLst>
            </p:cNvPr>
            <p:cNvSpPr/>
            <p:nvPr/>
          </p:nvSpPr>
          <p:spPr>
            <a:xfrm>
              <a:off x="4417181" y="2166085"/>
              <a:ext cx="645922" cy="1155665"/>
            </a:xfrm>
            <a:prstGeom prst="arc">
              <a:avLst>
                <a:gd name="adj1" fmla="val 16051413"/>
                <a:gd name="adj2" fmla="val 4566564"/>
              </a:avLst>
            </a:prstGeom>
            <a:ln w="19050">
              <a:solidFill>
                <a:schemeClr val="tx1">
                  <a:lumMod val="95000"/>
                  <a:lumOff val="5000"/>
                </a:schemeClr>
              </a:solidFill>
              <a:headEnd type="non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40" name="文本框 39">
            <a:extLst>
              <a:ext uri="{FF2B5EF4-FFF2-40B4-BE49-F238E27FC236}">
                <a16:creationId xmlns:a16="http://schemas.microsoft.com/office/drawing/2014/main" id="{D408DE70-350B-40E5-BC2F-1D63C136643A}"/>
              </a:ext>
            </a:extLst>
          </p:cNvPr>
          <p:cNvSpPr txBox="1"/>
          <p:nvPr/>
        </p:nvSpPr>
        <p:spPr>
          <a:xfrm>
            <a:off x="5631374" y="1995618"/>
            <a:ext cx="245087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圖形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面積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F0E3344A-56B6-4A74-83C1-0CF6219DEA64}"/>
              </a:ext>
            </a:extLst>
          </p:cNvPr>
          <p:cNvSpPr txBox="1"/>
          <p:nvPr/>
        </p:nvSpPr>
        <p:spPr>
          <a:xfrm>
            <a:off x="5511229" y="2447571"/>
            <a:ext cx="338221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平行四邊形的面積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57D0AA74-0883-409D-B0AC-0EA5712BD997}"/>
              </a:ext>
            </a:extLst>
          </p:cNvPr>
          <p:cNvSpPr txBox="1"/>
          <p:nvPr/>
        </p:nvSpPr>
        <p:spPr>
          <a:xfrm>
            <a:off x="5631374" y="2864910"/>
            <a:ext cx="3089005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 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直角三角形的面積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 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的面積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BEA0489B-4119-4A78-94AC-9BD94A0562D3}"/>
              </a:ext>
            </a:extLst>
          </p:cNvPr>
          <p:cNvSpPr txBox="1"/>
          <p:nvPr/>
        </p:nvSpPr>
        <p:spPr>
          <a:xfrm>
            <a:off x="5087058" y="3640915"/>
            <a:ext cx="380726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的底是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4cm</a:t>
            </a:r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，高是</a:t>
            </a:r>
            <a:r>
              <a:rPr lang="en-US" altLang="zh-TW" sz="2400" dirty="0">
                <a:solidFill>
                  <a:srgbClr val="0000E1"/>
                </a:solidFill>
                <a:ea typeface="DFKai-SB" panose="03000509000000000000" pitchFamily="65" charset="-120"/>
              </a:rPr>
              <a:t>4cm</a:t>
            </a: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A77BF06D-73F4-4F2C-AD28-C7DC37EAD3DE}"/>
              </a:ext>
            </a:extLst>
          </p:cNvPr>
          <p:cNvSpPr txBox="1"/>
          <p:nvPr/>
        </p:nvSpPr>
        <p:spPr>
          <a:xfrm>
            <a:off x="710964" y="5646169"/>
            <a:ext cx="77220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整個圖形的面積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F7809F4B-A434-4F59-B51C-213AFB514496}"/>
              </a:ext>
            </a:extLst>
          </p:cNvPr>
          <p:cNvSpPr txBox="1"/>
          <p:nvPr/>
        </p:nvSpPr>
        <p:spPr>
          <a:xfrm>
            <a:off x="3376703" y="5646170"/>
            <a:ext cx="13826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14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＋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2D7E33CA-8802-4D9A-B84B-E0F68CD12919}"/>
              </a:ext>
            </a:extLst>
          </p:cNvPr>
          <p:cNvSpPr/>
          <p:nvPr/>
        </p:nvSpPr>
        <p:spPr>
          <a:xfrm>
            <a:off x="1348353" y="2331108"/>
            <a:ext cx="701455" cy="40738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B8D78734-81FE-43A2-B3B4-BA264CA904F5}"/>
              </a:ext>
            </a:extLst>
          </p:cNvPr>
          <p:cNvSpPr/>
          <p:nvPr/>
        </p:nvSpPr>
        <p:spPr>
          <a:xfrm>
            <a:off x="2105744" y="1161249"/>
            <a:ext cx="676236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777F0BD5-9838-46CE-BB4F-92447F7DBE73}"/>
              </a:ext>
            </a:extLst>
          </p:cNvPr>
          <p:cNvSpPr txBox="1"/>
          <p:nvPr/>
        </p:nvSpPr>
        <p:spPr>
          <a:xfrm>
            <a:off x="5644649" y="5682030"/>
            <a:ext cx="1872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  <a:sym typeface="Symbol" panose="05050102010706020507" pitchFamily="18" charset="2"/>
              </a:rPr>
              <a:t> 2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1" name="矩形 50">
            <a:extLst>
              <a:ext uri="{FF2B5EF4-FFF2-40B4-BE49-F238E27FC236}">
                <a16:creationId xmlns:a16="http://schemas.microsoft.com/office/drawing/2014/main" id="{6DF7FD52-3BA2-49D9-ADDA-AF2388B22F3F}"/>
              </a:ext>
            </a:extLst>
          </p:cNvPr>
          <p:cNvSpPr/>
          <p:nvPr/>
        </p:nvSpPr>
        <p:spPr>
          <a:xfrm>
            <a:off x="4846020" y="2474851"/>
            <a:ext cx="701455" cy="40738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2" name="矩形 51">
            <a:extLst>
              <a:ext uri="{FF2B5EF4-FFF2-40B4-BE49-F238E27FC236}">
                <a16:creationId xmlns:a16="http://schemas.microsoft.com/office/drawing/2014/main" id="{1F26E2E7-29EE-4CDE-ADEF-E1629246BA49}"/>
              </a:ext>
            </a:extLst>
          </p:cNvPr>
          <p:cNvSpPr/>
          <p:nvPr/>
        </p:nvSpPr>
        <p:spPr>
          <a:xfrm>
            <a:off x="3842314" y="3863823"/>
            <a:ext cx="571472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3" name="文本框 52">
            <a:extLst>
              <a:ext uri="{FF2B5EF4-FFF2-40B4-BE49-F238E27FC236}">
                <a16:creationId xmlns:a16="http://schemas.microsoft.com/office/drawing/2014/main" id="{C1A1792E-5F3B-4C80-A749-20F64012E93C}"/>
              </a:ext>
            </a:extLst>
          </p:cNvPr>
          <p:cNvSpPr txBox="1"/>
          <p:nvPr/>
        </p:nvSpPr>
        <p:spPr>
          <a:xfrm>
            <a:off x="4538900" y="5664100"/>
            <a:ext cx="138263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14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  <a:sym typeface="Symbol" panose="05050102010706020507" pitchFamily="18" charset="2"/>
              </a:rPr>
              <a:t>2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04ABCFD7-3FAB-4572-A1AD-AE054E43FD54}"/>
              </a:ext>
            </a:extLst>
          </p:cNvPr>
          <p:cNvSpPr txBox="1"/>
          <p:nvPr/>
        </p:nvSpPr>
        <p:spPr>
          <a:xfrm>
            <a:off x="7129013" y="5682030"/>
            <a:ext cx="187254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= 104(cm</a:t>
            </a:r>
            <a:r>
              <a:rPr lang="en-US" altLang="zh-TW" sz="2400" baseline="300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5" name="文本框 54">
            <a:extLst>
              <a:ext uri="{FF2B5EF4-FFF2-40B4-BE49-F238E27FC236}">
                <a16:creationId xmlns:a16="http://schemas.microsoft.com/office/drawing/2014/main" id="{95D1410C-C583-406D-BD5F-A4C48E53489F}"/>
              </a:ext>
            </a:extLst>
          </p:cNvPr>
          <p:cNvSpPr txBox="1"/>
          <p:nvPr/>
        </p:nvSpPr>
        <p:spPr>
          <a:xfrm>
            <a:off x="1913518" y="5085502"/>
            <a:ext cx="86846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04</a:t>
            </a:r>
          </a:p>
        </p:txBody>
      </p:sp>
      <p:sp>
        <p:nvSpPr>
          <p:cNvPr id="48" name="矩形 47">
            <a:extLst>
              <a:ext uri="{FF2B5EF4-FFF2-40B4-BE49-F238E27FC236}">
                <a16:creationId xmlns:a16="http://schemas.microsoft.com/office/drawing/2014/main" id="{B8D78734-81FE-43A2-B3B4-BA264CA904F5}"/>
              </a:ext>
            </a:extLst>
          </p:cNvPr>
          <p:cNvSpPr/>
          <p:nvPr/>
        </p:nvSpPr>
        <p:spPr>
          <a:xfrm>
            <a:off x="3315973" y="2177372"/>
            <a:ext cx="676236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934530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000"/>
                            </p:stCondLst>
                            <p:childTnLst>
                              <p:par>
                                <p:cTn id="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2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22222E-6 -3.33333E-6 L -0.00174 0.12732 " pathEditMode="relative" rAng="0" ptsTypes="AA">
                                      <p:cBhvr>
                                        <p:cTn id="57" dur="2000" fill="hold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7" y="636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20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000"/>
                            </p:stCondLst>
                            <p:childTnLst>
                              <p:par>
                                <p:cTn id="7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000"/>
                            </p:stCondLst>
                            <p:childTnLst>
                              <p:par>
                                <p:cTn id="8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500"/>
                            </p:stCondLst>
                            <p:childTnLst>
                              <p:par>
                                <p:cTn id="10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500"/>
                            </p:stCondLst>
                            <p:childTnLst>
                              <p:par>
                                <p:cTn id="10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2500"/>
                            </p:stCondLst>
                            <p:childTnLst>
                              <p:par>
                                <p:cTn id="1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0"/>
                            </p:stCondLst>
                            <p:childTnLst>
                              <p:par>
                                <p:cTn id="15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8" grpId="1" animBg="1"/>
      <p:bldP spid="2" grpId="0" animBg="1"/>
      <p:bldP spid="2" grpId="1" animBg="1"/>
      <p:bldP spid="58" grpId="0" animBg="1"/>
      <p:bldP spid="58" grpId="1" animBg="1"/>
      <p:bldP spid="82" grpId="0"/>
      <p:bldP spid="82" grpId="1"/>
      <p:bldP spid="82" grpId="2"/>
      <p:bldP spid="83" grpId="0"/>
      <p:bldP spid="83" grpId="1"/>
      <p:bldP spid="19" grpId="0" animBg="1"/>
      <p:bldP spid="19" grpId="1" animBg="1"/>
      <p:bldP spid="90" grpId="0"/>
      <p:bldP spid="90" grpId="1"/>
      <p:bldP spid="91" grpId="0"/>
      <p:bldP spid="91" grpId="1"/>
      <p:bldP spid="40" grpId="0"/>
      <p:bldP spid="40" grpId="1"/>
      <p:bldP spid="40" grpId="2"/>
      <p:bldP spid="41" grpId="0"/>
      <p:bldP spid="41" grpId="1"/>
      <p:bldP spid="42" grpId="0"/>
      <p:bldP spid="42" grpId="1"/>
      <p:bldP spid="43" grpId="0"/>
      <p:bldP spid="43" grpId="1"/>
      <p:bldP spid="46" grpId="0"/>
      <p:bldP spid="46" grpId="1"/>
      <p:bldP spid="47" grpId="0"/>
      <p:bldP spid="47" grpId="1"/>
      <p:bldP spid="3" grpId="0" animBg="1"/>
      <p:bldP spid="3" grpId="1" animBg="1"/>
      <p:bldP spid="49" grpId="0" animBg="1"/>
      <p:bldP spid="49" grpId="1" animBg="1"/>
      <p:bldP spid="50" grpId="0"/>
      <p:bldP spid="50" grpId="1"/>
      <p:bldP spid="51" grpId="0" animBg="1"/>
      <p:bldP spid="51" grpId="1" animBg="1"/>
      <p:bldP spid="52" grpId="0" animBg="1"/>
      <p:bldP spid="52" grpId="1" animBg="1"/>
      <p:bldP spid="53" grpId="0"/>
      <p:bldP spid="53" grpId="1"/>
      <p:bldP spid="54" grpId="0"/>
      <p:bldP spid="54" grpId="1"/>
      <p:bldP spid="55" grpId="0"/>
      <p:bldP spid="48" grpId="0" animBg="1"/>
      <p:bldP spid="48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c"/>
  <p:tag name="ISPRING_LMS_API_VERSION" val="SCORM 2004 (4th edition)"/>
  <p:tag name="ISPRING_ULTRA_SCORM_COURCE_TITLE" val="長河小學數學科速效提分試卷"/>
  <p:tag name="ISPRING_ULTRA_SCORM_COURSE_ID" val="EE574E20-C621-4F52-9D78-B91E5B87E5F8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5271F0-7EBB-4F7A-9255-62608FECDEC2}:28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174233D-E23D-46DA-93A6-19B20F513BA1}:28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30D55D-499A-452C-8C45-BC5DF0A96044}:29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31</Words>
  <Application>Microsoft Office PowerPoint</Application>
  <PresentationFormat>On-screen Show (4:3)</PresentationFormat>
  <Paragraphs>56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2" baseType="lpstr">
      <vt:lpstr>Arial Unicode MS</vt:lpstr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主题2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3:27Z</dcterms:modified>
</cp:coreProperties>
</file>